
<file path=[Content_Types].xml><?xml version="1.0" encoding="utf-8"?>
<Types xmlns="http://schemas.openxmlformats.org/package/2006/content-types">
  <Default Extension="png" ContentType="image/png"/>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5" lowestEdited="4" rupBuild="9303"/>
  <workbookPr defaultThemeVersion="124226"/>
  <bookViews>
    <workbookView xWindow="-15" yWindow="-15" windowWidth="28830" windowHeight="6105" tabRatio="748"/>
  </bookViews>
  <sheets>
    <sheet name="ReadMe" sheetId="3" r:id="rId1"/>
    <sheet name="AIR_to_ERN_Con_Codes" sheetId="2" r:id="rId2"/>
    <sheet name="Unknown_ERN_Con_Handler_for_MX" sheetId="6" r:id="rId3"/>
    <sheet name="AIR_to_ERN_Occ_Codes" sheetId="1" r:id="rId4"/>
    <sheet name="ERN_to_AIR_Con_Codes" sheetId="4" r:id="rId5"/>
    <sheet name="ERN_to_AIR_Occ_Codes" sheetId="5" r:id="rId6"/>
  </sheets>
  <definedNames>
    <definedName name="_xlnm._FilterDatabase" localSheetId="1" hidden="1">AIR_to_ERN_Con_Codes!$A$2:$H$236</definedName>
    <definedName name="_xlnm._FilterDatabase" localSheetId="3" hidden="1">AIR_to_ERN_Occ_Codes!$A$2:$F$117</definedName>
    <definedName name="_xlnm._FilterDatabase" localSheetId="4" hidden="1">ERN_to_AIR_Con_Codes!$A$2:$H$236</definedName>
  </definedNames>
  <calcPr calcId="125725"/>
</workbook>
</file>

<file path=xl/sharedStrings.xml><?xml version="1.0" encoding="utf-8"?>
<sst xmlns="http://schemas.openxmlformats.org/spreadsheetml/2006/main" count="3428" uniqueCount="417">
  <si>
    <t>Unknown</t>
  </si>
  <si>
    <t>Wood</t>
  </si>
  <si>
    <t>Wood frame</t>
  </si>
  <si>
    <t>SMex_Madera_01</t>
  </si>
  <si>
    <t>Masonry</t>
  </si>
  <si>
    <t>SMex_Muros_01</t>
  </si>
  <si>
    <t>Adobe</t>
  </si>
  <si>
    <t>SMex_Adobe_01</t>
  </si>
  <si>
    <t>SMex_Muros_02</t>
  </si>
  <si>
    <t>Confined Masonry</t>
  </si>
  <si>
    <t>Concrete</t>
  </si>
  <si>
    <t>SMex_Marcos_01</t>
  </si>
  <si>
    <t>SMex_Marcos_02</t>
  </si>
  <si>
    <t>SMex_Prefabricada_01</t>
  </si>
  <si>
    <t>Steel</t>
  </si>
  <si>
    <t>SMex_Marcos_04</t>
  </si>
  <si>
    <t>SMex_Marcos_05</t>
  </si>
  <si>
    <t>Steel MRF</t>
  </si>
  <si>
    <t>SMex_Marcos_06</t>
  </si>
  <si>
    <t>Mobile Homes</t>
  </si>
  <si>
    <t>SMex_Nula</t>
  </si>
  <si>
    <t>Automobiles</t>
  </si>
  <si>
    <t>AIR Construction Class</t>
  </si>
  <si>
    <t>ERN Construction Class</t>
  </si>
  <si>
    <t>Rubble Stone Masonry</t>
  </si>
  <si>
    <t>Unreinforced Masonry - Bearing Wall</t>
  </si>
  <si>
    <t>Reinforced Masonry</t>
  </si>
  <si>
    <t>Reinforced Concrete</t>
  </si>
  <si>
    <t>Reinforced Concrete Shear Wall (with MRF)</t>
  </si>
  <si>
    <t>Reinforced Concrete Shear Wall (without MRF)</t>
  </si>
  <si>
    <t>Pre-cast Concrete</t>
  </si>
  <si>
    <t>Reinforced Concrete MRF</t>
  </si>
  <si>
    <t>Reinforced Concrete MRF with URM</t>
  </si>
  <si>
    <t>Light Metal</t>
  </si>
  <si>
    <t>Braced Steel Frame</t>
  </si>
  <si>
    <t>Steel Frame with URM</t>
  </si>
  <si>
    <t>Steel Frame with Concrete Shear Wall</t>
  </si>
  <si>
    <t>Wood Frame</t>
  </si>
  <si>
    <t>Masonry Bearing Walls</t>
  </si>
  <si>
    <t>Unreinforced Masonry Bearing Walls</t>
  </si>
  <si>
    <t>Concrete Frames</t>
  </si>
  <si>
    <t>Concrete Frames with Concrete Walls</t>
  </si>
  <si>
    <t>Pre-cast Concrete Structure</t>
  </si>
  <si>
    <t>Steel Frames</t>
  </si>
  <si>
    <t>Industrial with Light Cover System, Not Braced and with Short Span</t>
  </si>
  <si>
    <t>Cross-Braced Steel Frames</t>
  </si>
  <si>
    <t>Steel Frames with Concrete Walls</t>
  </si>
  <si>
    <t>Null Loss</t>
  </si>
  <si>
    <t>Other</t>
  </si>
  <si>
    <t>Residential</t>
  </si>
  <si>
    <t>Dwelling</t>
  </si>
  <si>
    <t>Hotel</t>
  </si>
  <si>
    <t>Commercial</t>
  </si>
  <si>
    <t>Business</t>
  </si>
  <si>
    <t>Department Store</t>
  </si>
  <si>
    <t>Hospital</t>
  </si>
  <si>
    <t>Parking</t>
  </si>
  <si>
    <t>Industrial</t>
  </si>
  <si>
    <t>Industry</t>
  </si>
  <si>
    <t xml:space="preserve">Factory  </t>
  </si>
  <si>
    <t>Construction</t>
  </si>
  <si>
    <t>Petroleum</t>
  </si>
  <si>
    <t>Mining</t>
  </si>
  <si>
    <t>Restaurants</t>
  </si>
  <si>
    <t>Restaurant</t>
  </si>
  <si>
    <t>Church</t>
  </si>
  <si>
    <t>Emergency Services</t>
  </si>
  <si>
    <t>Education</t>
  </si>
  <si>
    <t>School</t>
  </si>
  <si>
    <t>Transportation</t>
  </si>
  <si>
    <t>Highway</t>
  </si>
  <si>
    <t>Railroad</t>
  </si>
  <si>
    <t>Air</t>
  </si>
  <si>
    <t>Utilities</t>
  </si>
  <si>
    <t>Miscellaneous</t>
  </si>
  <si>
    <t>Communication</t>
  </si>
  <si>
    <t>Telecommunications Facility</t>
  </si>
  <si>
    <t>Agriculture</t>
  </si>
  <si>
    <t>AIR Occupancy Category</t>
  </si>
  <si>
    <t>AIR Occupancy Class</t>
  </si>
  <si>
    <t>ERN Occupancy Class</t>
  </si>
  <si>
    <t>General Residential</t>
  </si>
  <si>
    <t>Permanent Dwelling: Single Family</t>
  </si>
  <si>
    <t>Permanent Dwelling: Multi Family</t>
  </si>
  <si>
    <t>Temporary Lodging</t>
  </si>
  <si>
    <t>Group Institutional Housing</t>
  </si>
  <si>
    <t>Apartments/Condominiums</t>
  </si>
  <si>
    <t>General Commercial</t>
  </si>
  <si>
    <t>Retail Trade</t>
  </si>
  <si>
    <t>Wholesale Trade</t>
  </si>
  <si>
    <t>Personal and Repair Services</t>
  </si>
  <si>
    <t>Professional, Technical, and Business Services</t>
  </si>
  <si>
    <t>Health Care Services</t>
  </si>
  <si>
    <t>Entertainment and Recreation</t>
  </si>
  <si>
    <t>General Industrial</t>
  </si>
  <si>
    <t>Heavy Fabrication and Assembly</t>
  </si>
  <si>
    <t>Light Fabrication and Assembly</t>
  </si>
  <si>
    <t>Food and Drug Processing</t>
  </si>
  <si>
    <t>Chemical Processing</t>
  </si>
  <si>
    <t>Metal and Mineral Processing</t>
  </si>
  <si>
    <t>High Technology</t>
  </si>
  <si>
    <t>Religion and Non-Profit</t>
  </si>
  <si>
    <t>Government - General Services</t>
  </si>
  <si>
    <t>Government - Emergency Services</t>
  </si>
  <si>
    <t>Universities, Colleges and Technical Schools</t>
  </si>
  <si>
    <t>Sea and Inland Waterways</t>
  </si>
  <si>
    <t>Electrical Utilities</t>
  </si>
  <si>
    <t>Water Utilities</t>
  </si>
  <si>
    <t>Sanitary Sewer</t>
  </si>
  <si>
    <t>Natural Gas</t>
  </si>
  <si>
    <t>Telephone and Telegraph</t>
  </si>
  <si>
    <t>Flood Control</t>
  </si>
  <si>
    <t>Store of Explosive Substances</t>
  </si>
  <si>
    <t>Power Plant</t>
  </si>
  <si>
    <t>Store of Flammable Substances</t>
  </si>
  <si>
    <t>Store of Toxic Substances</t>
  </si>
  <si>
    <t>Gas Stations</t>
  </si>
  <si>
    <t>Mexico</t>
  </si>
  <si>
    <t>Wood Frame (Modern)</t>
  </si>
  <si>
    <t>Reinforced Concrete MRF - Ductile</t>
  </si>
  <si>
    <t>Reinforced concrete MRF - Non-Ductile</t>
  </si>
  <si>
    <t>Pre-cast Concrete with Shear Wall</t>
  </si>
  <si>
    <t>Steel MRF - Perimeter</t>
  </si>
  <si>
    <t>Steel MRF - Distributed</t>
  </si>
  <si>
    <t>Steel Reinforced Concrete</t>
  </si>
  <si>
    <t>Pavements</t>
  </si>
  <si>
    <t>Railroads</t>
  </si>
  <si>
    <t>Highways</t>
  </si>
  <si>
    <t>Runways</t>
  </si>
  <si>
    <t>Dams</t>
  </si>
  <si>
    <t>Concrete Dams</t>
  </si>
  <si>
    <t>Earthfill Dams</t>
  </si>
  <si>
    <t>Chimneys</t>
  </si>
  <si>
    <t>Masonry Chimneys</t>
  </si>
  <si>
    <t>Concrete Chimneys</t>
  </si>
  <si>
    <t>Steel Chimneys</t>
  </si>
  <si>
    <t>Towers</t>
  </si>
  <si>
    <t>Electrical Transmission - Conventional</t>
  </si>
  <si>
    <t>Electrical Transmission - Major</t>
  </si>
  <si>
    <t>Broadcast Towers</t>
  </si>
  <si>
    <t>Observation Towers</t>
  </si>
  <si>
    <t>Offshore Towers</t>
  </si>
  <si>
    <t>Equipment</t>
  </si>
  <si>
    <t>Residential Equipment</t>
  </si>
  <si>
    <t>Office Equipment</t>
  </si>
  <si>
    <t>Electrical Equipment</t>
  </si>
  <si>
    <t>Mechanical Equipment</t>
  </si>
  <si>
    <t>High Technology Equipment</t>
  </si>
  <si>
    <t>Trains, Trucks, Airplanes</t>
  </si>
  <si>
    <t>Pumping Stations</t>
  </si>
  <si>
    <t>Compressor Stations</t>
  </si>
  <si>
    <t>Cranes</t>
  </si>
  <si>
    <t>Conveyor Systems</t>
  </si>
  <si>
    <t>Canals</t>
  </si>
  <si>
    <t>Earth Retaining Structures</t>
  </si>
  <si>
    <t>Waterfront Structures</t>
  </si>
  <si>
    <t>Offshore Structures</t>
  </si>
  <si>
    <t>Marine Hull</t>
  </si>
  <si>
    <t>Marine Cargo</t>
  </si>
  <si>
    <t>Carpool</t>
  </si>
  <si>
    <t>General and Containerized Cargo</t>
  </si>
  <si>
    <t>Heavy Cargo</t>
  </si>
  <si>
    <t>Refrigerated Cargo</t>
  </si>
  <si>
    <t>Dry Bulk Cargo</t>
  </si>
  <si>
    <t>Liquid Bulk Cargo</t>
  </si>
  <si>
    <t>General/Unknown</t>
  </si>
  <si>
    <t>Bridges</t>
  </si>
  <si>
    <t>Unknown Bridge (Non-Seismic or Seismic)</t>
  </si>
  <si>
    <t>Multi-Span Simply Supported (Non-Seismic or Seismic) Concrete Bridge</t>
  </si>
  <si>
    <t>Multi-Span Simply Supported (Non-Seismic or Seismic) Steel Bridge</t>
  </si>
  <si>
    <t>Single Span (Non-Seismic or Seismic) Bridge</t>
  </si>
  <si>
    <t>General Concrete (Non-Seismic or Seismic) Bridge</t>
  </si>
  <si>
    <t>General Steel (Non-Seismic or Seismic) Bridge</t>
  </si>
  <si>
    <t>Multi-Span Continuous (Non-Seismic or Seismic) Concrete Bridge</t>
  </si>
  <si>
    <t>Multi-Span Continuous (Non-Seismic or Seismic) Steel Bridge</t>
  </si>
  <si>
    <t>Major Bridge (Non-Seismic or Seismic)</t>
  </si>
  <si>
    <t>Tunnels</t>
  </si>
  <si>
    <t>Alluvium Tunnels</t>
  </si>
  <si>
    <t>Alluvial Bored Tunnels</t>
  </si>
  <si>
    <t>Rock Tunnels</t>
  </si>
  <si>
    <t>Rock Bored Tunnels</t>
  </si>
  <si>
    <t>Unknown Tunnel</t>
  </si>
  <si>
    <t>Rock Cut and Cover Tunnels</t>
  </si>
  <si>
    <t>Alluvial Cut and Cover Tunnels</t>
  </si>
  <si>
    <t>Storage Tanks</t>
  </si>
  <si>
    <t>Unknown Tanks</t>
  </si>
  <si>
    <t>Underground Liquid Tanks</t>
  </si>
  <si>
    <t>Underground Solid Tanks</t>
  </si>
  <si>
    <t>On Ground Liquid Tanks</t>
  </si>
  <si>
    <t>On Ground Steel Liquid Tanks</t>
  </si>
  <si>
    <t>On Ground Concrete Liquid Tanks</t>
  </si>
  <si>
    <t>On Ground Solid Tanks</t>
  </si>
  <si>
    <t>On Ground Steel Solid Tanks</t>
  </si>
  <si>
    <t>On Ground Concrete Solid Tanks</t>
  </si>
  <si>
    <t>Elevated Liquid Tanks</t>
  </si>
  <si>
    <t>Elevated Steel Liquid Tanks</t>
  </si>
  <si>
    <t>Elevated Concrete Liquid Tanks</t>
  </si>
  <si>
    <t>Elevated Solid Tanks</t>
  </si>
  <si>
    <t>Elevated Steel Solid Tanks</t>
  </si>
  <si>
    <t>Elevated Concrete Solid Tanks</t>
  </si>
  <si>
    <t>Pipelines</t>
  </si>
  <si>
    <t>Unknown Pipeline</t>
  </si>
  <si>
    <t>General Underground Pipelines</t>
  </si>
  <si>
    <t>Underground Cast Iron Pipelines</t>
  </si>
  <si>
    <t>Underground Asbestos Cement Pipelines</t>
  </si>
  <si>
    <t>Underground Concrete Pipelines</t>
  </si>
  <si>
    <t>Underground PVC Pipelines</t>
  </si>
  <si>
    <t>Underground Ductile Iron Pipelines</t>
  </si>
  <si>
    <t>General At Grade Pipelines</t>
  </si>
  <si>
    <t>At Grade Cast Iron Pipelines</t>
  </si>
  <si>
    <t>At Grade Asbestos Cement Pipelines</t>
  </si>
  <si>
    <t>At Grade Concrete Pipelines</t>
  </si>
  <si>
    <t>At Grade PVC Pipelines</t>
  </si>
  <si>
    <t>At Grade Ductile Iron Pipelines</t>
  </si>
  <si>
    <t>Peru</t>
  </si>
  <si>
    <t>PE</t>
  </si>
  <si>
    <t>Colombia</t>
  </si>
  <si>
    <t>CO</t>
  </si>
  <si>
    <t>SPer_Muros_05</t>
  </si>
  <si>
    <t>SPer_Madera_01</t>
  </si>
  <si>
    <t>SPer_Muros_19</t>
  </si>
  <si>
    <t>SPer_Porticos_02</t>
  </si>
  <si>
    <t>SPer_Muros_07</t>
  </si>
  <si>
    <t>SPer_Prefabricada_01</t>
  </si>
  <si>
    <t>SPer_Porticos_04</t>
  </si>
  <si>
    <t>SPer_Industrial_07</t>
  </si>
  <si>
    <t>SPer_Porticos_03</t>
  </si>
  <si>
    <t>SPer_Muros_08</t>
  </si>
  <si>
    <t>Steel frames and reinforced concrete walls</t>
  </si>
  <si>
    <t>SPer_Nula</t>
  </si>
  <si>
    <t>SCol_Muros_01</t>
  </si>
  <si>
    <t>SCol_Madera_01</t>
  </si>
  <si>
    <t>SCol_Adobe</t>
  </si>
  <si>
    <t>SCol_MamposteriaSimple</t>
  </si>
  <si>
    <t>SCol_Marcos_01</t>
  </si>
  <si>
    <t>SCol_Marcos_02</t>
  </si>
  <si>
    <t>SCol_Prefabricada_01</t>
  </si>
  <si>
    <t>SCol_Marcos_04</t>
  </si>
  <si>
    <t>SCol_Industrial_01</t>
  </si>
  <si>
    <t>SCol_Marcos_05</t>
  </si>
  <si>
    <t>SCol_Marcos_06</t>
  </si>
  <si>
    <t>S_Col_Nula</t>
  </si>
  <si>
    <t>Area Name</t>
  </si>
  <si>
    <t>Number of Stories</t>
  </si>
  <si>
    <t>0 to 2</t>
  </si>
  <si>
    <t>3 to 4</t>
  </si>
  <si>
    <t>5 to 6</t>
  </si>
  <si>
    <t>7 to 12</t>
  </si>
  <si>
    <t>Over 13</t>
  </si>
  <si>
    <t>Aguascalientes</t>
  </si>
  <si>
    <t>SMex_LosaPlana_02</t>
  </si>
  <si>
    <t>SMex_LosaPlana_01</t>
  </si>
  <si>
    <t>Baja California</t>
  </si>
  <si>
    <t>Mex_LosaPlana_02</t>
  </si>
  <si>
    <t xml:space="preserve">SMex_Marcos_01 </t>
  </si>
  <si>
    <t>Baja California Sur</t>
  </si>
  <si>
    <t>Campeche</t>
  </si>
  <si>
    <t xml:space="preserve">Coahuila </t>
  </si>
  <si>
    <t>Colima</t>
  </si>
  <si>
    <t>Chiapas</t>
  </si>
  <si>
    <t>Chihuahua</t>
  </si>
  <si>
    <t>Distrito Federal</t>
  </si>
  <si>
    <t>Durango</t>
  </si>
  <si>
    <t>Guanajuato</t>
  </si>
  <si>
    <t>Guerrero</t>
  </si>
  <si>
    <t>Hidalgo</t>
  </si>
  <si>
    <t>Jalisco</t>
  </si>
  <si>
    <t>México</t>
  </si>
  <si>
    <t>Michoacán</t>
  </si>
  <si>
    <t>Morelos</t>
  </si>
  <si>
    <t>Nayarit</t>
  </si>
  <si>
    <t xml:space="preserve">SMex_LosaPlana_01 </t>
  </si>
  <si>
    <t>Nuevo León</t>
  </si>
  <si>
    <t>Oaxaca</t>
  </si>
  <si>
    <t>Puebla</t>
  </si>
  <si>
    <t>Querétaro</t>
  </si>
  <si>
    <t>Quintana Roo</t>
  </si>
  <si>
    <t>San Luis Potosí</t>
  </si>
  <si>
    <t>Sinaloa</t>
  </si>
  <si>
    <t>Sonora</t>
  </si>
  <si>
    <t>Tabasco</t>
  </si>
  <si>
    <t>Tamaulipas</t>
  </si>
  <si>
    <t xml:space="preserve">SMex_LosaPlana_02 </t>
  </si>
  <si>
    <t>Tlaxcala</t>
  </si>
  <si>
    <t xml:space="preserve">Veracruz </t>
  </si>
  <si>
    <t>Yucatán</t>
  </si>
  <si>
    <t>Zacatecas</t>
  </si>
  <si>
    <t>Construction/Erection Risks</t>
  </si>
  <si>
    <t>Golf Courses</t>
  </si>
  <si>
    <t>Mercantile</t>
  </si>
  <si>
    <t>Gasoline Stations</t>
  </si>
  <si>
    <t>Automotive Repair Shops and Car Washes</t>
  </si>
  <si>
    <t>Primary and Secondary Schools</t>
  </si>
  <si>
    <t>Aircraft Hangars</t>
  </si>
  <si>
    <t>Green Houses</t>
  </si>
  <si>
    <t>Industrial Facility</t>
  </si>
  <si>
    <t>Unknown Industrial Facility</t>
  </si>
  <si>
    <t>Heavy Fabrication and Assembly - General</t>
  </si>
  <si>
    <t>Automotive Manufacturing</t>
  </si>
  <si>
    <t>Fabricated Metal Products</t>
  </si>
  <si>
    <t>Industrial and Commercial Machinery and Equipment</t>
  </si>
  <si>
    <t>Transportation Equipment Assembly</t>
  </si>
  <si>
    <t>Pulp/Paper and Allied Products Manufacturing</t>
  </si>
  <si>
    <t>Textile Mill Products</t>
  </si>
  <si>
    <t>Lumber and Wood Products (Except Furniture)</t>
  </si>
  <si>
    <t>Stone/Clay/Glass/Ceramics Products</t>
  </si>
  <si>
    <t>Light Fabrication and Assembly - General</t>
  </si>
  <si>
    <t>Furniture and Fixtures</t>
  </si>
  <si>
    <t>Apparel and Finished Products from Fabrics</t>
  </si>
  <si>
    <t>Print/Publishing and Allied Industries</t>
  </si>
  <si>
    <t>Rubber and Miscellaneous Plastics Products</t>
  </si>
  <si>
    <t>Leather and Leather Products</t>
  </si>
  <si>
    <t>Electronic and Other Electrical Equipment (Except Computer Equipment)</t>
  </si>
  <si>
    <t>Measuring, Analyzing, and Controlling Instruments</t>
  </si>
  <si>
    <t>Photographic, Medical, and Optical Goods</t>
  </si>
  <si>
    <t>Watches and Clocks</t>
  </si>
  <si>
    <t>Miscellaneous Manufacturing Industries</t>
  </si>
  <si>
    <t>Tire Manufacturers</t>
  </si>
  <si>
    <t>Food and Drug Processing - General</t>
  </si>
  <si>
    <t>Food and Kindred Products</t>
  </si>
  <si>
    <t>Tobacco Products</t>
  </si>
  <si>
    <t>Pharmaceutical Plants</t>
  </si>
  <si>
    <t>Biological Products (Except Diagnostic) Medicinals/Botanicals/Biomedical</t>
  </si>
  <si>
    <t>Wineries</t>
  </si>
  <si>
    <t>Chemical Processing - General</t>
  </si>
  <si>
    <t>Chlorine Plants</t>
  </si>
  <si>
    <t>Vinyl Plants</t>
  </si>
  <si>
    <t>Light Hydrocarbon or Aromatics Plants</t>
  </si>
  <si>
    <t>Plastics Plants</t>
  </si>
  <si>
    <t>Chlorhydrin Plants</t>
  </si>
  <si>
    <t>Fertilizer Plants</t>
  </si>
  <si>
    <t>Cement Plants/Cement Mills</t>
  </si>
  <si>
    <t>Other Chemical and Allied Products</t>
  </si>
  <si>
    <t>Metal and Minerals Processing - General</t>
  </si>
  <si>
    <t>Primary Metal Industry</t>
  </si>
  <si>
    <t>Steel Mills</t>
  </si>
  <si>
    <t>Smelters</t>
  </si>
  <si>
    <t>High Technology - General</t>
  </si>
  <si>
    <t>Semi-conductor and Related Devices</t>
  </si>
  <si>
    <t>Electronic Computer Devices</t>
  </si>
  <si>
    <t>Computer Storage Devices</t>
  </si>
  <si>
    <t>Electron Tubes</t>
  </si>
  <si>
    <t>Printed Circuit Boards</t>
  </si>
  <si>
    <t>General Building/Construction Contractors</t>
  </si>
  <si>
    <t>Heavy Constructions</t>
  </si>
  <si>
    <t>Special Trade Contractors</t>
  </si>
  <si>
    <t>Mining - General</t>
  </si>
  <si>
    <t>Mining Operations</t>
  </si>
  <si>
    <t>Metal Mining</t>
  </si>
  <si>
    <t>Coal Mining</t>
  </si>
  <si>
    <t>Mining/Quarrying - Non-Metallic Mineral (Except Fuels)</t>
  </si>
  <si>
    <t>Oil Refinery Systems - General</t>
  </si>
  <si>
    <t>Hydro-Electric Power Systems - General</t>
  </si>
  <si>
    <t>Thermo-Electric Power Systems - General</t>
  </si>
  <si>
    <t>Electric Substations</t>
  </si>
  <si>
    <t>Potable Water Systems - General</t>
  </si>
  <si>
    <t>Waste Water Treatment Systems - General</t>
  </si>
  <si>
    <t>Gas Processing Systems - General</t>
  </si>
  <si>
    <t>Hangar</t>
  </si>
  <si>
    <t>South America</t>
  </si>
  <si>
    <t>MX</t>
  </si>
  <si>
    <t>AIR Region 
Name</t>
  </si>
  <si>
    <t>AIR Country 
Name</t>
  </si>
  <si>
    <t>AIR Country 
Code</t>
  </si>
  <si>
    <t>Reinforced Concrete MRF - Non-Ductile</t>
  </si>
  <si>
    <t>Concrete Frames and Concrete Walls</t>
  </si>
  <si>
    <t>Unreinforced Masonry Bearing Wall</t>
  </si>
  <si>
    <t>Adobe and Variants</t>
  </si>
  <si>
    <t>Reinforced Concrete Walls</t>
  </si>
  <si>
    <t>Steel Frames and Reinforced Concrete Walls</t>
  </si>
  <si>
    <t>Mapping based on state and # of stories</t>
  </si>
  <si>
    <t>For details, see the Unknown_ERN_Con_Handler_for_MX spreadsheet.</t>
  </si>
  <si>
    <r>
      <rPr>
        <b/>
        <sz val="11"/>
        <color theme="1"/>
        <rFont val="Calibri"/>
        <family val="2"/>
        <scheme val="minor"/>
      </rPr>
      <t>For Mexico:</t>
    </r>
    <r>
      <rPr>
        <sz val="11"/>
        <color theme="1"/>
        <rFont val="Calibri"/>
        <family val="2"/>
        <scheme val="minor"/>
      </rPr>
      <t xml:space="preserve"> When you perform a Detailed Loss Analysis in Touchstone V3.0 using the ERN engine, Touchstone maps the AIR Unknown construction code (100) to the appropriate ERN construction code based on the region name and number of stories of the affected location, as shown in this table.</t>
    </r>
  </si>
  <si>
    <t>ERN Construction Code Mapping for AIR Unknown Construction Code (100)</t>
  </si>
  <si>
    <t>AIR Region Support</t>
  </si>
  <si>
    <t>Mexico, South America</t>
  </si>
  <si>
    <t>AIR Construction Code</t>
  </si>
  <si>
    <t>ERN Construction Code</t>
  </si>
  <si>
    <t>AIR Construction Category</t>
  </si>
  <si>
    <r>
      <rPr>
        <b/>
        <sz val="11"/>
        <color theme="1"/>
        <rFont val="Calibri"/>
        <family val="2"/>
        <scheme val="minor"/>
      </rPr>
      <t>For Mexico:</t>
    </r>
    <r>
      <rPr>
        <sz val="11"/>
        <color theme="1"/>
        <rFont val="Calibri"/>
        <family val="2"/>
        <scheme val="minor"/>
      </rPr>
      <t xml:space="preserve"> When you perform a Detailed Loss Analysis in Touchstone V3.0 using the ERN engine, Touchstone maps the AIR construction codes in column E to the corresponding ERN construction codes in column G.
</t>
    </r>
    <r>
      <rPr>
        <b/>
        <sz val="11"/>
        <color theme="1"/>
        <rFont val="Calibri"/>
        <family val="2"/>
        <scheme val="minor"/>
      </rPr>
      <t>For Peru and Colombia:</t>
    </r>
    <r>
      <rPr>
        <sz val="11"/>
        <color theme="1"/>
        <rFont val="Calibri"/>
        <family val="2"/>
        <scheme val="minor"/>
      </rPr>
      <t xml:space="preserve"> To convert the AIR construction codes in column E to ERN codes, AIR recommends using the corresponding ERN construction codes in column G. Please note that the mappings for Colombia and Peru are for informational purposes only.</t>
    </r>
  </si>
  <si>
    <t>AIR Occupancy Code</t>
  </si>
  <si>
    <t>ERN Occupancy Code</t>
  </si>
  <si>
    <r>
      <rPr>
        <b/>
        <sz val="11"/>
        <color theme="1"/>
        <rFont val="Calibri"/>
        <family val="2"/>
        <scheme val="minor"/>
      </rPr>
      <t>For Mexico:</t>
    </r>
    <r>
      <rPr>
        <sz val="11"/>
        <color theme="1"/>
        <rFont val="Calibri"/>
        <family val="2"/>
        <scheme val="minor"/>
      </rPr>
      <t xml:space="preserve"> When you perform a Detailed Loss Analysis in Touchstone V3.0 using the ERN engine, Touchstone maps the AIR occupancy codes in column C to the corresponding ERN occupancy codes in column E.
</t>
    </r>
    <r>
      <rPr>
        <b/>
        <sz val="11"/>
        <color theme="1"/>
        <rFont val="Calibri"/>
        <family val="2"/>
        <scheme val="minor"/>
      </rPr>
      <t>For Peru and Colombia:</t>
    </r>
    <r>
      <rPr>
        <sz val="11"/>
        <color theme="1"/>
        <rFont val="Calibri"/>
        <family val="2"/>
        <scheme val="minor"/>
      </rPr>
      <t xml:space="preserve"> To convert the AIR occupancy codes in column C to ERN codes, AIR recommends using the corresponding ERN occupancy codes in column E. Please note that the mappings for Colombia and Peru are for informational purposes only.</t>
    </r>
  </si>
  <si>
    <t>Churches</t>
  </si>
  <si>
    <t>Universities, Colleges, and Technical Schools</t>
  </si>
  <si>
    <t>Public</t>
  </si>
  <si>
    <t>To convert the ERN construction codes in column D to AIR codes for use in Touchstone V3.0, AIR recommends using any of the corresponding AIR construction code options in column F, as appropriate.</t>
  </si>
  <si>
    <t>To convert the ERN occupancy codes in column A to AIR codes for use in Touchstone V3.0, AIR recommends using any of the corresponding AIR occupancy code options in column C, as appropriate.</t>
  </si>
  <si>
    <t>Unbraced Steel Frames for Industrial Structures</t>
  </si>
  <si>
    <t>SCol_Muros_02</t>
  </si>
  <si>
    <t>SCol_Marcos_03</t>
  </si>
  <si>
    <t>SPer_Muros_04</t>
  </si>
  <si>
    <t>SPer_Muros_20</t>
  </si>
  <si>
    <t>SPer_Muros_02</t>
  </si>
  <si>
    <t>SPer_Porticos_01</t>
  </si>
  <si>
    <t>Simple Masonry Bearing Walls</t>
  </si>
  <si>
    <t>Braced Concrete Frames</t>
  </si>
  <si>
    <t>Braced Frames of Reinforced Concrete</t>
  </si>
  <si>
    <t>Reinforced Masonry Walls with Concrete Blocks</t>
  </si>
  <si>
    <t>Confined Masonry Walls with Concrete Blocks</t>
  </si>
  <si>
    <t>Unbraced Frames of Reinforced Concrete</t>
  </si>
  <si>
    <t>Simple Masonry Bearing Walls with Diaphragm</t>
  </si>
  <si>
    <t>Masonry Walls with Diaphragm and Light Roof</t>
  </si>
  <si>
    <r>
      <t xml:space="preserve">This spreadsheet provides a bidirectional mapping reference for AIR and ERN construction and occupancy codes.
The </t>
    </r>
    <r>
      <rPr>
        <b/>
        <sz val="11"/>
        <color theme="1"/>
        <rFont val="Calibri"/>
        <family val="2"/>
        <scheme val="minor"/>
      </rPr>
      <t>AIR_to_ERN_Con_Codes</t>
    </r>
    <r>
      <rPr>
        <sz val="11"/>
        <color theme="1"/>
        <rFont val="Calibri"/>
        <family val="2"/>
        <scheme val="minor"/>
      </rPr>
      <t xml:space="preserve"> and </t>
    </r>
    <r>
      <rPr>
        <b/>
        <sz val="11"/>
        <color theme="1"/>
        <rFont val="Calibri"/>
        <family val="2"/>
        <scheme val="minor"/>
      </rPr>
      <t>AIR_to_ERN_Occ_Codes</t>
    </r>
    <r>
      <rPr>
        <sz val="11"/>
        <color theme="1"/>
        <rFont val="Calibri"/>
        <family val="2"/>
        <scheme val="minor"/>
      </rPr>
      <t xml:space="preserve"> sheets list the construction and occupancy code mapping that occurs for Mexico exposures in Touchstone 3.0 when you initiate a Detailed Loss Analysis that you have configured to use the ERN analysis engine. These sheets also provide suggestions for converting AIR construction and occupancy codes to ERN codes for Colombia and Peru.
The </t>
    </r>
    <r>
      <rPr>
        <b/>
        <sz val="11"/>
        <color theme="1"/>
        <rFont val="Calibri"/>
        <family val="2"/>
        <scheme val="minor"/>
      </rPr>
      <t>Unknown_ERN_Con_Handler_for_MX</t>
    </r>
    <r>
      <rPr>
        <sz val="11"/>
        <color theme="1"/>
        <rFont val="Calibri"/>
        <family val="2"/>
        <scheme val="minor"/>
      </rPr>
      <t xml:space="preserve"> sheet details the construction code mapping that occurs for Mexico exposures that have the AIR Unknown construction code (100) in Touchstone 3.0 when you initiate a Detailed Loss Analysis that you have configured to use the ERN analysis engine. Note that the Unknown Construction Code Handler determines the appropriate code mapping based on the region name and number of stories of the affected location.
The </t>
    </r>
    <r>
      <rPr>
        <b/>
        <sz val="11"/>
        <color theme="1"/>
        <rFont val="Calibri"/>
        <family val="2"/>
        <scheme val="minor"/>
      </rPr>
      <t>ERN_to_AIR_Con_Codes</t>
    </r>
    <r>
      <rPr>
        <sz val="11"/>
        <color theme="1"/>
        <rFont val="Calibri"/>
        <family val="2"/>
        <scheme val="minor"/>
      </rPr>
      <t xml:space="preserve"> and </t>
    </r>
    <r>
      <rPr>
        <b/>
        <sz val="11"/>
        <color theme="1"/>
        <rFont val="Calibri"/>
        <family val="2"/>
        <scheme val="minor"/>
      </rPr>
      <t>ERN_to_AIR_Occ_Codes</t>
    </r>
    <r>
      <rPr>
        <sz val="11"/>
        <color theme="1"/>
        <rFont val="Calibri"/>
        <family val="2"/>
        <scheme val="minor"/>
      </rPr>
      <t xml:space="preserve"> sheets provide suggested options for converting ERN construction and occupancy codes to AIR codes for use in Touchstone 3.0.</t>
    </r>
  </si>
  <si>
    <t>SMex_Industrial_03</t>
  </si>
  <si>
    <t>Industrial with Light Cover System, Not Braced and with Medium Span</t>
  </si>
  <si>
    <t>Transportation Terminal</t>
  </si>
  <si>
    <t>Warehouse</t>
  </si>
  <si>
    <t>Bank</t>
  </si>
  <si>
    <t>Library</t>
  </si>
  <si>
    <t>Mall</t>
  </si>
  <si>
    <t>Funeral Homes</t>
  </si>
  <si>
    <t>Laboratory</t>
  </si>
  <si>
    <t>Bookstore</t>
  </si>
  <si>
    <t>Museum</t>
  </si>
  <si>
    <t>Government Office</t>
  </si>
  <si>
    <t>Private Office</t>
  </si>
</sst>
</file>

<file path=xl/styles.xml><?xml version="1.0" encoding="utf-8"?>
<styleSheet xmlns="http://schemas.openxmlformats.org/spreadsheetml/2006/main" xmlns:mc="http://schemas.openxmlformats.org/markup-compatibility/2006" xmlns:x14ac="http://schemas.microsoft.com/office/spreadsheetml/2009/9/ac" mc:Ignorable="x14ac">
  <fonts count="7" x14ac:knownFonts="1">
    <font>
      <sz val="11"/>
      <color theme="1"/>
      <name val="Calibri"/>
      <family val="2"/>
      <scheme val="minor"/>
    </font>
    <font>
      <b/>
      <sz val="11"/>
      <color theme="1"/>
      <name val="Calibri"/>
      <family val="2"/>
      <scheme val="minor"/>
    </font>
    <font>
      <u/>
      <sz val="11"/>
      <color theme="10"/>
      <name val="Calibri"/>
      <family val="2"/>
    </font>
    <font>
      <sz val="11"/>
      <name val="Calibri"/>
      <family val="2"/>
      <scheme val="minor"/>
    </font>
    <font>
      <b/>
      <sz val="11"/>
      <color rgb="FF000000"/>
      <name val="Calibri"/>
      <family val="2"/>
      <scheme val="minor"/>
    </font>
    <font>
      <sz val="11"/>
      <color rgb="FF000000"/>
      <name val="Calibri"/>
      <family val="2"/>
      <scheme val="minor"/>
    </font>
    <font>
      <i/>
      <sz val="11"/>
      <color theme="1"/>
      <name val="Calibri"/>
      <family val="2"/>
      <scheme val="minor"/>
    </font>
  </fonts>
  <fills count="4">
    <fill>
      <patternFill patternType="none"/>
    </fill>
    <fill>
      <patternFill patternType="gray125"/>
    </fill>
    <fill>
      <patternFill patternType="solid">
        <fgColor theme="0" tint="-0.249977111117893"/>
        <bgColor indexed="64"/>
      </patternFill>
    </fill>
    <fill>
      <patternFill patternType="solid">
        <fgColor theme="0"/>
        <bgColor indexed="64"/>
      </patternFill>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s>
  <cellStyleXfs count="2">
    <xf numFmtId="0" fontId="0" fillId="0" borderId="0"/>
    <xf numFmtId="0" fontId="2" fillId="0" borderId="0" applyNumberFormat="0" applyFill="0" applyBorder="0" applyAlignment="0" applyProtection="0">
      <alignment vertical="top"/>
      <protection locked="0"/>
    </xf>
  </cellStyleXfs>
  <cellXfs count="134">
    <xf numFmtId="0" fontId="0" fillId="0" borderId="0" xfId="0"/>
    <xf numFmtId="0" fontId="0" fillId="0" borderId="1" xfId="0" applyBorder="1"/>
    <xf numFmtId="0" fontId="1" fillId="2" borderId="1" xfId="0" applyFont="1" applyFill="1" applyBorder="1"/>
    <xf numFmtId="0" fontId="0" fillId="0" borderId="1" xfId="0" applyFill="1" applyBorder="1"/>
    <xf numFmtId="0" fontId="0" fillId="0" borderId="1" xfId="0" applyBorder="1" applyAlignment="1">
      <alignment vertical="top"/>
    </xf>
    <xf numFmtId="0" fontId="0" fillId="0" borderId="1" xfId="0" applyBorder="1" applyAlignment="1">
      <alignment horizontal="left" vertical="top"/>
    </xf>
    <xf numFmtId="0" fontId="3" fillId="0" borderId="1" xfId="0" applyFont="1" applyBorder="1"/>
    <xf numFmtId="0" fontId="3" fillId="0" borderId="1" xfId="0" applyFont="1" applyBorder="1" applyAlignment="1">
      <alignment vertical="top" wrapText="1"/>
    </xf>
    <xf numFmtId="0" fontId="0" fillId="0" borderId="1" xfId="0" applyBorder="1" applyAlignment="1">
      <alignment horizontal="left" vertical="center"/>
    </xf>
    <xf numFmtId="0" fontId="3" fillId="0" borderId="1" xfId="0" applyFont="1" applyFill="1" applyBorder="1" applyAlignment="1">
      <alignment vertical="top" wrapText="1"/>
    </xf>
    <xf numFmtId="0" fontId="1" fillId="0" borderId="0" xfId="0" applyFont="1" applyBorder="1" applyAlignment="1">
      <alignment vertical="center" wrapText="1"/>
    </xf>
    <xf numFmtId="0" fontId="0" fillId="0" borderId="0" xfId="0"/>
    <xf numFmtId="0" fontId="0" fillId="0" borderId="0" xfId="0"/>
    <xf numFmtId="0" fontId="0" fillId="0" borderId="0" xfId="0"/>
    <xf numFmtId="0" fontId="0" fillId="0" borderId="0" xfId="0"/>
    <xf numFmtId="0" fontId="0" fillId="0" borderId="0" xfId="0"/>
    <xf numFmtId="0" fontId="0" fillId="0" borderId="0" xfId="0"/>
    <xf numFmtId="0" fontId="0" fillId="0" borderId="0" xfId="0"/>
    <xf numFmtId="0" fontId="0" fillId="0" borderId="0" xfId="0"/>
    <xf numFmtId="0" fontId="0" fillId="0" borderId="0" xfId="0"/>
    <xf numFmtId="0" fontId="0" fillId="0" borderId="0" xfId="0"/>
    <xf numFmtId="0" fontId="0" fillId="0" borderId="1" xfId="0" applyBorder="1" applyAlignment="1">
      <alignment vertical="top"/>
    </xf>
    <xf numFmtId="0" fontId="0" fillId="0" borderId="1" xfId="0" applyBorder="1" applyAlignment="1">
      <alignment vertical="top"/>
    </xf>
    <xf numFmtId="0" fontId="0" fillId="0" borderId="0" xfId="0" applyAlignment="1"/>
    <xf numFmtId="0" fontId="0" fillId="0" borderId="1" xfId="0" applyBorder="1" applyAlignment="1">
      <alignment vertical="center"/>
    </xf>
    <xf numFmtId="0" fontId="0" fillId="0" borderId="1" xfId="0" applyFill="1" applyBorder="1" applyAlignment="1">
      <alignment vertical="center"/>
    </xf>
    <xf numFmtId="0" fontId="2" fillId="0" borderId="1" xfId="1" applyBorder="1" applyAlignment="1" applyProtection="1">
      <alignment vertical="top" wrapText="1"/>
    </xf>
    <xf numFmtId="0" fontId="2" fillId="0" borderId="1" xfId="1" applyBorder="1" applyAlignment="1" applyProtection="1"/>
    <xf numFmtId="0" fontId="0" fillId="0" borderId="0" xfId="0" applyBorder="1" applyAlignment="1">
      <alignment vertical="center"/>
    </xf>
    <xf numFmtId="0" fontId="0" fillId="0" borderId="1" xfId="0" applyFill="1" applyBorder="1" applyAlignment="1">
      <alignment horizontal="right"/>
    </xf>
    <xf numFmtId="0" fontId="3" fillId="0" borderId="1" xfId="1" applyFont="1" applyFill="1" applyBorder="1" applyAlignment="1" applyProtection="1">
      <alignment vertical="top" wrapText="1"/>
    </xf>
    <xf numFmtId="0" fontId="1" fillId="2" borderId="1" xfId="0" applyFont="1" applyFill="1" applyBorder="1" applyAlignment="1">
      <alignment vertical="center" wrapText="1"/>
    </xf>
    <xf numFmtId="0" fontId="1" fillId="2" borderId="1" xfId="0" applyFont="1" applyFill="1" applyBorder="1" applyAlignment="1">
      <alignment vertical="center"/>
    </xf>
    <xf numFmtId="0" fontId="4" fillId="2" borderId="1" xfId="0" applyFont="1" applyFill="1" applyBorder="1" applyAlignment="1">
      <alignment horizontal="center" vertical="center"/>
    </xf>
    <xf numFmtId="0" fontId="0" fillId="0" borderId="1" xfId="0" applyFill="1" applyBorder="1" applyAlignment="1">
      <alignment horizontal="right" vertical="center"/>
    </xf>
    <xf numFmtId="0" fontId="3" fillId="0" borderId="1" xfId="0" applyFont="1" applyFill="1" applyBorder="1" applyAlignment="1">
      <alignment vertical="center" wrapText="1"/>
    </xf>
    <xf numFmtId="0" fontId="3" fillId="0" borderId="1" xfId="1" applyFont="1" applyFill="1" applyBorder="1" applyAlignment="1" applyProtection="1">
      <alignment vertical="center" wrapText="1"/>
    </xf>
    <xf numFmtId="0" fontId="5" fillId="0" borderId="1" xfId="0" applyFont="1" applyFill="1" applyBorder="1" applyAlignment="1">
      <alignment vertical="center"/>
    </xf>
    <xf numFmtId="0" fontId="0" fillId="0" borderId="1" xfId="0" applyFont="1" applyFill="1" applyBorder="1" applyAlignment="1">
      <alignment vertical="center"/>
    </xf>
    <xf numFmtId="0" fontId="3" fillId="0" borderId="1" xfId="0" applyFont="1" applyFill="1" applyBorder="1" applyAlignment="1">
      <alignment vertical="top"/>
    </xf>
    <xf numFmtId="0" fontId="2" fillId="0" borderId="1" xfId="1" applyBorder="1" applyAlignment="1" applyProtection="1">
      <alignment vertical="top"/>
    </xf>
    <xf numFmtId="0" fontId="3" fillId="0" borderId="1" xfId="0" applyFont="1" applyFill="1" applyBorder="1" applyAlignment="1">
      <alignment vertical="center"/>
    </xf>
    <xf numFmtId="0" fontId="2" fillId="0" borderId="1" xfId="1" applyBorder="1" applyAlignment="1" applyProtection="1">
      <alignment vertical="center" wrapText="1"/>
    </xf>
    <xf numFmtId="0" fontId="3" fillId="0" borderId="1" xfId="0" applyFont="1" applyBorder="1" applyAlignment="1">
      <alignment vertical="center" wrapText="1"/>
    </xf>
    <xf numFmtId="0" fontId="3" fillId="0" borderId="1" xfId="0" applyFont="1" applyBorder="1" applyAlignment="1">
      <alignment vertical="center"/>
    </xf>
    <xf numFmtId="0" fontId="3" fillId="3" borderId="1" xfId="0" applyFont="1" applyFill="1" applyBorder="1" applyAlignment="1">
      <alignment vertical="center" wrapText="1"/>
    </xf>
    <xf numFmtId="0" fontId="2" fillId="0" borderId="1" xfId="1" applyBorder="1" applyAlignment="1" applyProtection="1">
      <alignment vertical="center"/>
    </xf>
    <xf numFmtId="0" fontId="6" fillId="0" borderId="1" xfId="0" applyFont="1" applyFill="1" applyBorder="1" applyAlignment="1">
      <alignment vertical="center"/>
    </xf>
    <xf numFmtId="0" fontId="2" fillId="0" borderId="12" xfId="1" applyFill="1" applyBorder="1" applyAlignment="1" applyProtection="1">
      <alignment vertical="center"/>
    </xf>
    <xf numFmtId="0" fontId="2" fillId="0" borderId="1" xfId="1" applyFill="1" applyBorder="1" applyAlignment="1" applyProtection="1">
      <alignment vertical="center"/>
    </xf>
    <xf numFmtId="0" fontId="2" fillId="0" borderId="1" xfId="1" applyFill="1" applyBorder="1" applyAlignment="1" applyProtection="1">
      <alignment vertical="center" wrapText="1"/>
    </xf>
    <xf numFmtId="0" fontId="2" fillId="0" borderId="1" xfId="1" applyFill="1" applyBorder="1" applyAlignment="1" applyProtection="1">
      <alignment horizontal="left" vertical="center" wrapText="1"/>
    </xf>
    <xf numFmtId="0" fontId="0" fillId="0" borderId="1" xfId="0" applyBorder="1" applyAlignment="1">
      <alignment horizontal="right" vertical="top"/>
    </xf>
    <xf numFmtId="0" fontId="3" fillId="0" borderId="10" xfId="0" applyFont="1" applyFill="1" applyBorder="1" applyAlignment="1">
      <alignment vertical="top"/>
    </xf>
    <xf numFmtId="0" fontId="2" fillId="0" borderId="10" xfId="1" applyFill="1" applyBorder="1" applyAlignment="1" applyProtection="1">
      <alignment vertical="top" wrapText="1"/>
    </xf>
    <xf numFmtId="0" fontId="2" fillId="0" borderId="1" xfId="1" applyFill="1" applyBorder="1" applyAlignment="1" applyProtection="1">
      <alignment vertical="top" wrapText="1"/>
    </xf>
    <xf numFmtId="0" fontId="2" fillId="0" borderId="10" xfId="1" applyFill="1" applyBorder="1" applyAlignment="1" applyProtection="1">
      <alignment horizontal="left" vertical="top" wrapText="1"/>
    </xf>
    <xf numFmtId="0" fontId="0" fillId="0" borderId="10" xfId="0" applyFill="1" applyBorder="1" applyAlignment="1">
      <alignment vertical="top"/>
    </xf>
    <xf numFmtId="0" fontId="0" fillId="0" borderId="10" xfId="0" applyFill="1" applyBorder="1" applyAlignment="1">
      <alignment vertical="top"/>
    </xf>
    <xf numFmtId="0" fontId="0" fillId="0" borderId="12" xfId="0" applyFill="1" applyBorder="1" applyAlignment="1">
      <alignment horizontal="left" vertical="top"/>
    </xf>
    <xf numFmtId="0" fontId="3" fillId="0" borderId="1" xfId="0" applyFont="1" applyFill="1" applyBorder="1"/>
    <xf numFmtId="0" fontId="2" fillId="0" borderId="1" xfId="1" applyFill="1" applyBorder="1" applyAlignment="1" applyProtection="1">
      <alignment vertical="top"/>
    </xf>
    <xf numFmtId="0" fontId="0" fillId="0" borderId="1" xfId="0" applyFill="1" applyBorder="1" applyAlignment="1">
      <alignment horizontal="left" vertical="top"/>
    </xf>
    <xf numFmtId="0" fontId="0" fillId="0" borderId="12" xfId="0" applyFill="1" applyBorder="1" applyAlignment="1">
      <alignment vertical="top"/>
    </xf>
    <xf numFmtId="0" fontId="0" fillId="0" borderId="0" xfId="0"/>
    <xf numFmtId="0" fontId="0" fillId="0" borderId="1" xfId="0" applyBorder="1"/>
    <xf numFmtId="0" fontId="2" fillId="0" borderId="1" xfId="1" applyBorder="1" applyAlignment="1" applyProtection="1">
      <alignment vertical="top" wrapText="1"/>
    </xf>
    <xf numFmtId="0" fontId="3" fillId="0" borderId="1" xfId="0" applyFont="1" applyFill="1" applyBorder="1" applyAlignment="1">
      <alignment horizontal="left" vertical="center"/>
    </xf>
    <xf numFmtId="0" fontId="0" fillId="0" borderId="1" xfId="0" applyFill="1" applyBorder="1" applyAlignment="1">
      <alignment horizontal="left" vertical="center"/>
    </xf>
    <xf numFmtId="0" fontId="0" fillId="0" borderId="5" xfId="0" applyBorder="1" applyAlignment="1">
      <alignment vertical="center"/>
    </xf>
    <xf numFmtId="0" fontId="0" fillId="0" borderId="12" xfId="0" applyBorder="1" applyAlignment="1">
      <alignment horizontal="left" vertical="top"/>
    </xf>
    <xf numFmtId="0" fontId="0" fillId="0" borderId="11" xfId="0" applyBorder="1" applyAlignment="1">
      <alignment horizontal="left" vertical="top"/>
    </xf>
    <xf numFmtId="0" fontId="0" fillId="0" borderId="1" xfId="0" applyBorder="1" applyAlignment="1">
      <alignment horizontal="left" vertical="top"/>
    </xf>
    <xf numFmtId="0" fontId="0" fillId="0" borderId="1" xfId="0" applyBorder="1" applyAlignment="1">
      <alignment vertical="top"/>
    </xf>
    <xf numFmtId="0" fontId="0" fillId="0" borderId="1" xfId="0" applyBorder="1" applyAlignment="1">
      <alignment horizontal="right" vertical="top"/>
    </xf>
    <xf numFmtId="0" fontId="0" fillId="0" borderId="12" xfId="0" applyBorder="1" applyAlignment="1">
      <alignment horizontal="right" vertical="top"/>
    </xf>
    <xf numFmtId="0" fontId="0" fillId="0" borderId="11" xfId="0" applyBorder="1" applyAlignment="1">
      <alignment horizontal="right" vertical="top" wrapText="1"/>
    </xf>
    <xf numFmtId="0" fontId="0" fillId="0" borderId="2" xfId="0" applyBorder="1" applyAlignment="1">
      <alignment horizontal="left" vertical="center" wrapText="1" indent="1"/>
    </xf>
    <xf numFmtId="0" fontId="0" fillId="0" borderId="3" xfId="0" applyBorder="1" applyAlignment="1">
      <alignment horizontal="left" vertical="center" wrapText="1" indent="1"/>
    </xf>
    <xf numFmtId="0" fontId="0" fillId="0" borderId="4" xfId="0" applyBorder="1" applyAlignment="1">
      <alignment horizontal="left" vertical="center" wrapText="1" indent="1"/>
    </xf>
    <xf numFmtId="0" fontId="0" fillId="0" borderId="5" xfId="0" applyBorder="1" applyAlignment="1">
      <alignment horizontal="left" vertical="center" wrapText="1" indent="1"/>
    </xf>
    <xf numFmtId="0" fontId="0" fillId="0" borderId="0" xfId="0" applyBorder="1" applyAlignment="1">
      <alignment horizontal="left" vertical="center" wrapText="1" indent="1"/>
    </xf>
    <xf numFmtId="0" fontId="0" fillId="0" borderId="6" xfId="0" applyBorder="1" applyAlignment="1">
      <alignment horizontal="left" vertical="center" wrapText="1" indent="1"/>
    </xf>
    <xf numFmtId="0" fontId="0" fillId="0" borderId="7" xfId="0" applyBorder="1" applyAlignment="1">
      <alignment horizontal="left" vertical="center" wrapText="1" indent="1"/>
    </xf>
    <xf numFmtId="0" fontId="0" fillId="0" borderId="8" xfId="0" applyBorder="1" applyAlignment="1">
      <alignment horizontal="left" vertical="center" wrapText="1" indent="1"/>
    </xf>
    <xf numFmtId="0" fontId="0" fillId="0" borderId="9" xfId="0" applyBorder="1" applyAlignment="1">
      <alignment horizontal="left" vertical="center" wrapText="1" indent="1"/>
    </xf>
    <xf numFmtId="0" fontId="0" fillId="0" borderId="8" xfId="0" applyBorder="1" applyAlignment="1">
      <alignment vertical="center" wrapText="1"/>
    </xf>
    <xf numFmtId="0" fontId="0" fillId="0" borderId="8" xfId="0" applyBorder="1" applyAlignment="1">
      <alignment vertical="center"/>
    </xf>
    <xf numFmtId="0" fontId="4" fillId="2" borderId="10"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4" fillId="2" borderId="1" xfId="0" applyFont="1" applyFill="1" applyBorder="1" applyAlignment="1">
      <alignment horizontal="center" vertical="center"/>
    </xf>
    <xf numFmtId="0" fontId="1" fillId="2" borderId="10" xfId="0" applyFont="1" applyFill="1" applyBorder="1" applyAlignment="1">
      <alignment horizontal="center" vertical="center" wrapText="1"/>
    </xf>
    <xf numFmtId="0" fontId="1" fillId="2" borderId="12" xfId="0" applyFont="1" applyFill="1" applyBorder="1" applyAlignment="1">
      <alignment horizontal="center" vertical="center" wrapText="1"/>
    </xf>
    <xf numFmtId="0" fontId="1" fillId="2" borderId="11" xfId="0" applyFont="1" applyFill="1" applyBorder="1" applyAlignment="1">
      <alignment horizontal="center" vertical="center" wrapText="1"/>
    </xf>
    <xf numFmtId="0" fontId="0" fillId="0" borderId="8" xfId="0" applyBorder="1" applyAlignment="1">
      <alignment horizontal="left" vertical="center" wrapText="1"/>
    </xf>
    <xf numFmtId="0" fontId="0" fillId="0" borderId="0" xfId="0" applyBorder="1" applyAlignment="1">
      <alignment horizontal="left" vertical="center" wrapText="1"/>
    </xf>
    <xf numFmtId="0" fontId="3" fillId="0" borderId="10" xfId="0" applyFont="1" applyFill="1" applyBorder="1" applyAlignment="1">
      <alignment horizontal="left" vertical="top"/>
    </xf>
    <xf numFmtId="0" fontId="3" fillId="0" borderId="12" xfId="0" applyFont="1" applyFill="1" applyBorder="1" applyAlignment="1">
      <alignment horizontal="left" vertical="top"/>
    </xf>
    <xf numFmtId="0" fontId="3" fillId="0" borderId="11" xfId="0" applyFont="1" applyFill="1" applyBorder="1" applyAlignment="1">
      <alignment horizontal="left" vertical="top"/>
    </xf>
    <xf numFmtId="0" fontId="0" fillId="0" borderId="10" xfId="0" applyBorder="1" applyAlignment="1">
      <alignment horizontal="left" vertical="top"/>
    </xf>
    <xf numFmtId="0" fontId="0" fillId="0" borderId="12" xfId="0" applyBorder="1" applyAlignment="1">
      <alignment horizontal="left" vertical="top"/>
    </xf>
    <xf numFmtId="0" fontId="0" fillId="0" borderId="11" xfId="0" applyBorder="1" applyAlignment="1">
      <alignment horizontal="left" vertical="top"/>
    </xf>
    <xf numFmtId="0" fontId="0" fillId="0" borderId="10" xfId="0" applyFill="1" applyBorder="1" applyAlignment="1">
      <alignment horizontal="left" vertical="top"/>
    </xf>
    <xf numFmtId="0" fontId="0" fillId="0" borderId="12" xfId="0" applyFill="1" applyBorder="1" applyAlignment="1">
      <alignment horizontal="left" vertical="top"/>
    </xf>
    <xf numFmtId="0" fontId="0" fillId="0" borderId="11" xfId="0" applyFill="1" applyBorder="1" applyAlignment="1">
      <alignment horizontal="left" vertical="top"/>
    </xf>
    <xf numFmtId="0" fontId="0" fillId="0" borderId="10" xfId="0" applyFill="1" applyBorder="1" applyAlignment="1">
      <alignment horizontal="center" vertical="top"/>
    </xf>
    <xf numFmtId="0" fontId="0" fillId="0" borderId="12" xfId="0" applyFill="1" applyBorder="1" applyAlignment="1">
      <alignment horizontal="center" vertical="top"/>
    </xf>
    <xf numFmtId="0" fontId="0" fillId="0" borderId="11" xfId="0" applyFill="1" applyBorder="1" applyAlignment="1">
      <alignment horizontal="center" vertical="top"/>
    </xf>
    <xf numFmtId="0" fontId="0" fillId="0" borderId="1" xfId="0" applyBorder="1" applyAlignment="1">
      <alignment horizontal="left" vertical="top"/>
    </xf>
    <xf numFmtId="0" fontId="3" fillId="0" borderId="1" xfId="0" applyFont="1" applyBorder="1" applyAlignment="1">
      <alignment horizontal="left" vertical="top"/>
    </xf>
    <xf numFmtId="0" fontId="3" fillId="0" borderId="1" xfId="0" applyFont="1" applyBorder="1" applyAlignment="1">
      <alignment horizontal="left" vertical="top" wrapText="1"/>
    </xf>
    <xf numFmtId="0" fontId="3" fillId="0" borderId="1" xfId="0" applyFont="1" applyFill="1" applyBorder="1" applyAlignment="1">
      <alignment horizontal="left" vertical="top" wrapText="1"/>
    </xf>
    <xf numFmtId="0" fontId="0" fillId="0" borderId="1" xfId="0" applyFill="1" applyBorder="1" applyAlignment="1">
      <alignment horizontal="left" vertical="top"/>
    </xf>
    <xf numFmtId="0" fontId="3" fillId="0" borderId="10" xfId="0" applyFont="1" applyBorder="1" applyAlignment="1">
      <alignment horizontal="left" vertical="top"/>
    </xf>
    <xf numFmtId="0" fontId="3" fillId="0" borderId="11" xfId="0" applyFont="1" applyBorder="1" applyAlignment="1">
      <alignment horizontal="left" vertical="top"/>
    </xf>
    <xf numFmtId="0" fontId="0" fillId="0" borderId="8" xfId="0" applyBorder="1" applyAlignment="1">
      <alignment horizontal="left" vertical="center"/>
    </xf>
    <xf numFmtId="0" fontId="0" fillId="0" borderId="1" xfId="0" applyBorder="1" applyAlignment="1">
      <alignment vertical="top"/>
    </xf>
    <xf numFmtId="0" fontId="3" fillId="0" borderId="1" xfId="0" applyFont="1" applyBorder="1" applyAlignment="1">
      <alignment vertical="top"/>
    </xf>
    <xf numFmtId="0" fontId="3" fillId="0" borderId="10" xfId="0" applyFont="1" applyBorder="1" applyAlignment="1">
      <alignment horizontal="left" vertical="top" wrapText="1"/>
    </xf>
    <xf numFmtId="0" fontId="3" fillId="0" borderId="12" xfId="0" applyFont="1" applyBorder="1" applyAlignment="1">
      <alignment horizontal="left" vertical="top" wrapText="1"/>
    </xf>
    <xf numFmtId="0" fontId="3" fillId="0" borderId="11" xfId="0" applyFont="1" applyBorder="1" applyAlignment="1">
      <alignment horizontal="left" vertical="top" wrapText="1"/>
    </xf>
    <xf numFmtId="0" fontId="3" fillId="0" borderId="12" xfId="0" applyFont="1" applyBorder="1" applyAlignment="1">
      <alignment horizontal="left" vertical="top"/>
    </xf>
    <xf numFmtId="0" fontId="0" fillId="0" borderId="7" xfId="0" applyBorder="1" applyAlignment="1">
      <alignment horizontal="center" vertical="center" wrapText="1"/>
    </xf>
    <xf numFmtId="0" fontId="0" fillId="0" borderId="8" xfId="0" applyBorder="1" applyAlignment="1">
      <alignment horizontal="center" vertical="center" wrapText="1"/>
    </xf>
    <xf numFmtId="0" fontId="0" fillId="0" borderId="10" xfId="0" applyBorder="1" applyAlignment="1">
      <alignment vertical="top" wrapText="1"/>
    </xf>
    <xf numFmtId="0" fontId="0" fillId="0" borderId="12" xfId="0" applyBorder="1" applyAlignment="1">
      <alignment vertical="top" wrapText="1"/>
    </xf>
    <xf numFmtId="0" fontId="0" fillId="0" borderId="11" xfId="0" applyBorder="1" applyAlignment="1">
      <alignment vertical="top" wrapText="1"/>
    </xf>
    <xf numFmtId="0" fontId="0" fillId="0" borderId="10" xfId="0" applyBorder="1" applyAlignment="1">
      <alignment horizontal="right" vertical="top"/>
    </xf>
    <xf numFmtId="0" fontId="0" fillId="0" borderId="12" xfId="0" applyBorder="1" applyAlignment="1">
      <alignment horizontal="right" vertical="top"/>
    </xf>
    <xf numFmtId="0" fontId="0" fillId="0" borderId="11" xfId="0" applyBorder="1" applyAlignment="1">
      <alignment horizontal="right" vertical="top"/>
    </xf>
    <xf numFmtId="0" fontId="0" fillId="0" borderId="10" xfId="0" applyBorder="1" applyAlignment="1">
      <alignment horizontal="right" vertical="top" wrapText="1"/>
    </xf>
    <xf numFmtId="0" fontId="0" fillId="0" borderId="12" xfId="0" applyBorder="1" applyAlignment="1">
      <alignment horizontal="right" vertical="top" wrapText="1"/>
    </xf>
    <xf numFmtId="0" fontId="0" fillId="0" borderId="11" xfId="0" applyBorder="1" applyAlignment="1">
      <alignment horizontal="right" vertical="top" wrapText="1"/>
    </xf>
    <xf numFmtId="0" fontId="0" fillId="0" borderId="1" xfId="0" applyBorder="1" applyAlignment="1">
      <alignment horizontal="right" vertical="top"/>
    </xf>
  </cellXfs>
  <cellStyles count="2">
    <cellStyle name="Hyperlink" xfId="1" builtinId="8"/>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4.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8</xdr:col>
      <xdr:colOff>152400</xdr:colOff>
      <xdr:row>22</xdr:row>
      <xdr:rowOff>180975</xdr:rowOff>
    </xdr:from>
    <xdr:to>
      <xdr:col>10</xdr:col>
      <xdr:colOff>514350</xdr:colOff>
      <xdr:row>24</xdr:row>
      <xdr:rowOff>95250</xdr:rowOff>
    </xdr:to>
    <xdr:pic>
      <xdr:nvPicPr>
        <xdr:cNvPr id="2" name="Picture 1" descr="C:\Users\i55101\AppData\Local\Temp\SNAGHTML23db9ac4.PNG"/>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029200" y="4371975"/>
          <a:ext cx="1581150" cy="2952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xdr:col>
      <xdr:colOff>104775</xdr:colOff>
      <xdr:row>2</xdr:row>
      <xdr:rowOff>104775</xdr:rowOff>
    </xdr:from>
    <xdr:to>
      <xdr:col>5</xdr:col>
      <xdr:colOff>180974</xdr:colOff>
      <xdr:row>4</xdr:row>
      <xdr:rowOff>52499</xdr:rowOff>
    </xdr:to>
    <xdr:pic>
      <xdr:nvPicPr>
        <xdr:cNvPr id="3" name="Picture 2" descr="C:\Users\i55101\AppData\Local\Temp\SNAGHTML23dc75d7.PNG"/>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14375" y="485775"/>
          <a:ext cx="2514599" cy="328724"/>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2.xml.rels><?xml version="1.0" encoding="UTF-8" standalone="yes"?>
<Relationships xmlns="http://schemas.openxmlformats.org/package/2006/relationships"><Relationship Id="rId117" Type="http://schemas.openxmlformats.org/officeDocument/2006/relationships/hyperlink" Target="http://www.air-worldwide.com/Documentation/Validation/3.0/index.htm" TargetMode="External"/><Relationship Id="rId21" Type="http://schemas.openxmlformats.org/officeDocument/2006/relationships/hyperlink" Target="http://www.air-worldwide.com/Documentation/Validation/3.0/index.htm" TargetMode="External"/><Relationship Id="rId42" Type="http://schemas.openxmlformats.org/officeDocument/2006/relationships/hyperlink" Target="http://www.air-worldwide.com/Documentation/Validation/3.0/index.htm" TargetMode="External"/><Relationship Id="rId63" Type="http://schemas.openxmlformats.org/officeDocument/2006/relationships/hyperlink" Target="http://www.air-worldwide.com/Documentation/Validation/3.0/index.htm" TargetMode="External"/><Relationship Id="rId84" Type="http://schemas.openxmlformats.org/officeDocument/2006/relationships/hyperlink" Target="http://www.air-worldwide.com/Documentation/Validation/3.0/index.htm" TargetMode="External"/><Relationship Id="rId138" Type="http://schemas.openxmlformats.org/officeDocument/2006/relationships/hyperlink" Target="http://www.air-worldwide.com/Documentation/Validation/3.0/index.htm" TargetMode="External"/><Relationship Id="rId159" Type="http://schemas.openxmlformats.org/officeDocument/2006/relationships/hyperlink" Target="http://www.air-worldwide.com/Documentation/Validation/3.0/index.htm" TargetMode="External"/><Relationship Id="rId170" Type="http://schemas.openxmlformats.org/officeDocument/2006/relationships/hyperlink" Target="http://www.air-worldwide.com/Documentation/Validation/3.0/index.htm" TargetMode="External"/><Relationship Id="rId191" Type="http://schemas.openxmlformats.org/officeDocument/2006/relationships/hyperlink" Target="http://www.air-worldwide.com/Documentation/Validation/3.0/index.htm" TargetMode="External"/><Relationship Id="rId205" Type="http://schemas.openxmlformats.org/officeDocument/2006/relationships/hyperlink" Target="http://www.air-worldwide.com/Documentation/Validation/3.0/index.htm" TargetMode="External"/><Relationship Id="rId226" Type="http://schemas.openxmlformats.org/officeDocument/2006/relationships/hyperlink" Target="http://www.air-worldwide.com/Documentation/Validation/3.0/index.htm" TargetMode="External"/><Relationship Id="rId107" Type="http://schemas.openxmlformats.org/officeDocument/2006/relationships/hyperlink" Target="http://www.air-worldwide.com/Documentation/Validation/3.0/index.htm" TargetMode="External"/><Relationship Id="rId11" Type="http://schemas.openxmlformats.org/officeDocument/2006/relationships/hyperlink" Target="http://www.air-worldwide.com/Documentation/Validation/3.0/index.htm" TargetMode="External"/><Relationship Id="rId32" Type="http://schemas.openxmlformats.org/officeDocument/2006/relationships/hyperlink" Target="http://www.air-worldwide.com/Documentation/Validation/3.0/index.htm" TargetMode="External"/><Relationship Id="rId53" Type="http://schemas.openxmlformats.org/officeDocument/2006/relationships/hyperlink" Target="http://www.air-worldwide.com/Documentation/Validation/3.0/index.htm" TargetMode="External"/><Relationship Id="rId74" Type="http://schemas.openxmlformats.org/officeDocument/2006/relationships/hyperlink" Target="http://www.air-worldwide.com/Documentation/Validation/3.0/index.htm" TargetMode="External"/><Relationship Id="rId128" Type="http://schemas.openxmlformats.org/officeDocument/2006/relationships/hyperlink" Target="http://www.air-worldwide.com/Documentation/Validation/3.0/index.htm" TargetMode="External"/><Relationship Id="rId149" Type="http://schemas.openxmlformats.org/officeDocument/2006/relationships/hyperlink" Target="http://www.air-worldwide.com/Documentation/Validation/3.0/index.htm" TargetMode="External"/><Relationship Id="rId5" Type="http://schemas.openxmlformats.org/officeDocument/2006/relationships/hyperlink" Target="http://www.air-worldwide.com/Documentation/Validation/3.0/index.htm" TargetMode="External"/><Relationship Id="rId95" Type="http://schemas.openxmlformats.org/officeDocument/2006/relationships/hyperlink" Target="http://www.air-worldwide.com/Documentation/Validation/3.0/index.htm" TargetMode="External"/><Relationship Id="rId160" Type="http://schemas.openxmlformats.org/officeDocument/2006/relationships/hyperlink" Target="http://www.air-worldwide.com/Documentation/Validation/3.0/index.htm" TargetMode="External"/><Relationship Id="rId181" Type="http://schemas.openxmlformats.org/officeDocument/2006/relationships/hyperlink" Target="http://www.air-worldwide.com/Documentation/Validation/3.0/index.htm" TargetMode="External"/><Relationship Id="rId216" Type="http://schemas.openxmlformats.org/officeDocument/2006/relationships/hyperlink" Target="http://www.air-worldwide.com/Documentation/Validation/3.0/index.htm" TargetMode="External"/><Relationship Id="rId22" Type="http://schemas.openxmlformats.org/officeDocument/2006/relationships/hyperlink" Target="http://www.air-worldwide.com/Documentation/Validation/3.0/index.htm" TargetMode="External"/><Relationship Id="rId43" Type="http://schemas.openxmlformats.org/officeDocument/2006/relationships/hyperlink" Target="http://www.air-worldwide.com/Documentation/Validation/3.0/index.htm" TargetMode="External"/><Relationship Id="rId64" Type="http://schemas.openxmlformats.org/officeDocument/2006/relationships/hyperlink" Target="http://www.air-worldwide.com/Documentation/Validation/3.0/index.htm" TargetMode="External"/><Relationship Id="rId118" Type="http://schemas.openxmlformats.org/officeDocument/2006/relationships/hyperlink" Target="http://www.air-worldwide.com/Documentation/Validation/3.0/index.htm" TargetMode="External"/><Relationship Id="rId139" Type="http://schemas.openxmlformats.org/officeDocument/2006/relationships/hyperlink" Target="http://www.air-worldwide.com/Documentation/Validation/3.0/index.htm" TargetMode="External"/><Relationship Id="rId85" Type="http://schemas.openxmlformats.org/officeDocument/2006/relationships/hyperlink" Target="http://www.air-worldwide.com/Documentation/Validation/3.0/index.htm" TargetMode="External"/><Relationship Id="rId150" Type="http://schemas.openxmlformats.org/officeDocument/2006/relationships/hyperlink" Target="http://www.air-worldwide.com/Documentation/Validation/3.0/index.htm" TargetMode="External"/><Relationship Id="rId171" Type="http://schemas.openxmlformats.org/officeDocument/2006/relationships/hyperlink" Target="http://www.air-worldwide.com/Documentation/Validation/3.0/index.htm" TargetMode="External"/><Relationship Id="rId192" Type="http://schemas.openxmlformats.org/officeDocument/2006/relationships/hyperlink" Target="http://www.air-worldwide.com/Documentation/Validation/3.0/index.htm" TargetMode="External"/><Relationship Id="rId206" Type="http://schemas.openxmlformats.org/officeDocument/2006/relationships/hyperlink" Target="http://www.air-worldwide.com/Documentation/Validation/3.0/index.htm" TargetMode="External"/><Relationship Id="rId227" Type="http://schemas.openxmlformats.org/officeDocument/2006/relationships/hyperlink" Target="http://www.air-worldwide.com/Documentation/Validation/3.0/index.htm" TargetMode="External"/><Relationship Id="rId12" Type="http://schemas.openxmlformats.org/officeDocument/2006/relationships/hyperlink" Target="http://www.air-worldwide.com/Documentation/Validation/3.0/index.htm" TargetMode="External"/><Relationship Id="rId33" Type="http://schemas.openxmlformats.org/officeDocument/2006/relationships/hyperlink" Target="http://www.air-worldwide.com/Documentation/Validation/3.0/index.htm" TargetMode="External"/><Relationship Id="rId108" Type="http://schemas.openxmlformats.org/officeDocument/2006/relationships/hyperlink" Target="http://www.air-worldwide.com/Documentation/Validation/3.0/index.htm" TargetMode="External"/><Relationship Id="rId129" Type="http://schemas.openxmlformats.org/officeDocument/2006/relationships/hyperlink" Target="http://www.air-worldwide.com/Documentation/Validation/3.0/index.htm" TargetMode="External"/><Relationship Id="rId54" Type="http://schemas.openxmlformats.org/officeDocument/2006/relationships/hyperlink" Target="http://www.air-worldwide.com/Documentation/Validation/3.0/index.htm" TargetMode="External"/><Relationship Id="rId75" Type="http://schemas.openxmlformats.org/officeDocument/2006/relationships/hyperlink" Target="http://www.air-worldwide.com/Documentation/Validation/3.0/index.htm" TargetMode="External"/><Relationship Id="rId96" Type="http://schemas.openxmlformats.org/officeDocument/2006/relationships/hyperlink" Target="http://www.air-worldwide.com/Documentation/Validation/3.0/index.htm" TargetMode="External"/><Relationship Id="rId140" Type="http://schemas.openxmlformats.org/officeDocument/2006/relationships/hyperlink" Target="http://www.air-worldwide.com/Documentation/Validation/3.0/index.htm" TargetMode="External"/><Relationship Id="rId161" Type="http://schemas.openxmlformats.org/officeDocument/2006/relationships/hyperlink" Target="http://www.air-worldwide.com/Documentation/Validation/3.0/index.htm" TargetMode="External"/><Relationship Id="rId182" Type="http://schemas.openxmlformats.org/officeDocument/2006/relationships/hyperlink" Target="http://www.air-worldwide.com/Documentation/Validation/3.0/index.htm" TargetMode="External"/><Relationship Id="rId217" Type="http://schemas.openxmlformats.org/officeDocument/2006/relationships/hyperlink" Target="http://www.air-worldwide.com/Documentation/Validation/3.0/index.htm" TargetMode="External"/><Relationship Id="rId6" Type="http://schemas.openxmlformats.org/officeDocument/2006/relationships/hyperlink" Target="http://www.air-worldwide.com/Documentation/Validation/3.0/index.htm" TargetMode="External"/><Relationship Id="rId23" Type="http://schemas.openxmlformats.org/officeDocument/2006/relationships/hyperlink" Target="http://www.air-worldwide.com/Documentation/Validation/3.0/index.htm" TargetMode="External"/><Relationship Id="rId119" Type="http://schemas.openxmlformats.org/officeDocument/2006/relationships/hyperlink" Target="http://www.air-worldwide.com/Documentation/Validation/3.0/index.htm" TargetMode="External"/><Relationship Id="rId44" Type="http://schemas.openxmlformats.org/officeDocument/2006/relationships/hyperlink" Target="http://www.air-worldwide.com/Documentation/Validation/3.0/index.htm" TargetMode="External"/><Relationship Id="rId65" Type="http://schemas.openxmlformats.org/officeDocument/2006/relationships/hyperlink" Target="http://www.air-worldwide.com/Documentation/Validation/3.0/index.htm" TargetMode="External"/><Relationship Id="rId86" Type="http://schemas.openxmlformats.org/officeDocument/2006/relationships/hyperlink" Target="http://www.air-worldwide.com/Documentation/Validation/3.0/index.htm" TargetMode="External"/><Relationship Id="rId130" Type="http://schemas.openxmlformats.org/officeDocument/2006/relationships/hyperlink" Target="http://www.air-worldwide.com/Documentation/Validation/3.0/index.htm" TargetMode="External"/><Relationship Id="rId151" Type="http://schemas.openxmlformats.org/officeDocument/2006/relationships/hyperlink" Target="http://www.air-worldwide.com/Documentation/Validation/3.0/index.htm" TargetMode="External"/><Relationship Id="rId172" Type="http://schemas.openxmlformats.org/officeDocument/2006/relationships/hyperlink" Target="http://www.air-worldwide.com/Documentation/Validation/3.0/index.htm" TargetMode="External"/><Relationship Id="rId193" Type="http://schemas.openxmlformats.org/officeDocument/2006/relationships/hyperlink" Target="http://www.air-worldwide.com/Documentation/Validation/3.0/index.htm" TargetMode="External"/><Relationship Id="rId207" Type="http://schemas.openxmlformats.org/officeDocument/2006/relationships/hyperlink" Target="http://www.air-worldwide.com/Documentation/Validation/3.0/index.htm" TargetMode="External"/><Relationship Id="rId228" Type="http://schemas.openxmlformats.org/officeDocument/2006/relationships/hyperlink" Target="http://www.air-worldwide.com/Documentation/Validation/3.0/index.htm" TargetMode="External"/><Relationship Id="rId13" Type="http://schemas.openxmlformats.org/officeDocument/2006/relationships/hyperlink" Target="http://www.air-worldwide.com/Documentation/Validation/3.0/index.htm" TargetMode="External"/><Relationship Id="rId109" Type="http://schemas.openxmlformats.org/officeDocument/2006/relationships/hyperlink" Target="http://www.air-worldwide.com/Documentation/Validation/3.0/index.htm" TargetMode="External"/><Relationship Id="rId34" Type="http://schemas.openxmlformats.org/officeDocument/2006/relationships/hyperlink" Target="http://www.air-worldwide.com/Documentation/Validation/3.0/index.htm" TargetMode="External"/><Relationship Id="rId55" Type="http://schemas.openxmlformats.org/officeDocument/2006/relationships/hyperlink" Target="http://www.air-worldwide.com/Documentation/Validation/3.0/index.htm" TargetMode="External"/><Relationship Id="rId76" Type="http://schemas.openxmlformats.org/officeDocument/2006/relationships/hyperlink" Target="http://www.air-worldwide.com/Documentation/Validation/3.0/index.htm" TargetMode="External"/><Relationship Id="rId97" Type="http://schemas.openxmlformats.org/officeDocument/2006/relationships/hyperlink" Target="http://www.air-worldwide.com/Documentation/Validation/3.0/index.htm" TargetMode="External"/><Relationship Id="rId120" Type="http://schemas.openxmlformats.org/officeDocument/2006/relationships/hyperlink" Target="http://www.air-worldwide.com/Documentation/Validation/3.0/index.htm" TargetMode="External"/><Relationship Id="rId141" Type="http://schemas.openxmlformats.org/officeDocument/2006/relationships/hyperlink" Target="http://www.air-worldwide.com/Documentation/Validation/3.0/index.htm" TargetMode="External"/><Relationship Id="rId7" Type="http://schemas.openxmlformats.org/officeDocument/2006/relationships/hyperlink" Target="http://www.air-worldwide.com/Documentation/Validation/3.0/index.htm" TargetMode="External"/><Relationship Id="rId162" Type="http://schemas.openxmlformats.org/officeDocument/2006/relationships/hyperlink" Target="http://www.air-worldwide.com/Documentation/Validation/3.0/index.htm" TargetMode="External"/><Relationship Id="rId183" Type="http://schemas.openxmlformats.org/officeDocument/2006/relationships/hyperlink" Target="http://www.air-worldwide.com/Documentation/Validation/3.0/index.htm" TargetMode="External"/><Relationship Id="rId218" Type="http://schemas.openxmlformats.org/officeDocument/2006/relationships/hyperlink" Target="http://www.air-worldwide.com/Documentation/Validation/3.0/index.htm" TargetMode="External"/><Relationship Id="rId24" Type="http://schemas.openxmlformats.org/officeDocument/2006/relationships/hyperlink" Target="http://www.air-worldwide.com/Documentation/Validation/3.0/index.htm" TargetMode="External"/><Relationship Id="rId45" Type="http://schemas.openxmlformats.org/officeDocument/2006/relationships/hyperlink" Target="http://www.air-worldwide.com/Documentation/Validation/3.0/index.htm" TargetMode="External"/><Relationship Id="rId66" Type="http://schemas.openxmlformats.org/officeDocument/2006/relationships/hyperlink" Target="http://www.air-worldwide.com/Documentation/Validation/3.0/index.htm" TargetMode="External"/><Relationship Id="rId87" Type="http://schemas.openxmlformats.org/officeDocument/2006/relationships/hyperlink" Target="http://www.air-worldwide.com/Documentation/Validation/3.0/index.htm" TargetMode="External"/><Relationship Id="rId110" Type="http://schemas.openxmlformats.org/officeDocument/2006/relationships/hyperlink" Target="http://www.air-worldwide.com/Documentation/Validation/3.0/index.htm" TargetMode="External"/><Relationship Id="rId131" Type="http://schemas.openxmlformats.org/officeDocument/2006/relationships/hyperlink" Target="http://www.air-worldwide.com/Documentation/Validation/3.0/index.htm" TargetMode="External"/><Relationship Id="rId152" Type="http://schemas.openxmlformats.org/officeDocument/2006/relationships/hyperlink" Target="http://www.air-worldwide.com/Documentation/Validation/3.0/index.htm" TargetMode="External"/><Relationship Id="rId173" Type="http://schemas.openxmlformats.org/officeDocument/2006/relationships/hyperlink" Target="http://www.air-worldwide.com/Documentation/Validation/3.0/index.htm" TargetMode="External"/><Relationship Id="rId194" Type="http://schemas.openxmlformats.org/officeDocument/2006/relationships/hyperlink" Target="http://www.air-worldwide.com/Documentation/Validation/3.0/index.htm" TargetMode="External"/><Relationship Id="rId208" Type="http://schemas.openxmlformats.org/officeDocument/2006/relationships/hyperlink" Target="http://www.air-worldwide.com/Documentation/Validation/3.0/index.htm" TargetMode="External"/><Relationship Id="rId229" Type="http://schemas.openxmlformats.org/officeDocument/2006/relationships/hyperlink" Target="http://www.air-worldwide.com/Documentation/Validation/3.0/index.htm" TargetMode="External"/><Relationship Id="rId14" Type="http://schemas.openxmlformats.org/officeDocument/2006/relationships/hyperlink" Target="http://www.air-worldwide.com/Documentation/Validation/3.0/index.htm" TargetMode="External"/><Relationship Id="rId35" Type="http://schemas.openxmlformats.org/officeDocument/2006/relationships/hyperlink" Target="http://www.air-worldwide.com/Documentation/Validation/3.0/index.htm" TargetMode="External"/><Relationship Id="rId56" Type="http://schemas.openxmlformats.org/officeDocument/2006/relationships/hyperlink" Target="http://www.air-worldwide.com/Documentation/Validation/3.0/index.htm" TargetMode="External"/><Relationship Id="rId77" Type="http://schemas.openxmlformats.org/officeDocument/2006/relationships/hyperlink" Target="http://www.air-worldwide.com/Documentation/Validation/3.0/index.htm" TargetMode="External"/><Relationship Id="rId100" Type="http://schemas.openxmlformats.org/officeDocument/2006/relationships/hyperlink" Target="http://www.air-worldwide.com/Documentation/Validation/3.0/index.htm" TargetMode="External"/><Relationship Id="rId8" Type="http://schemas.openxmlformats.org/officeDocument/2006/relationships/hyperlink" Target="http://www.air-worldwide.com/Documentation/Validation/3.0/index.htm" TargetMode="External"/><Relationship Id="rId98" Type="http://schemas.openxmlformats.org/officeDocument/2006/relationships/hyperlink" Target="http://www.air-worldwide.com/Documentation/Validation/3.0/index.htm" TargetMode="External"/><Relationship Id="rId121" Type="http://schemas.openxmlformats.org/officeDocument/2006/relationships/hyperlink" Target="http://www.air-worldwide.com/Documentation/Validation/3.0/index.htm" TargetMode="External"/><Relationship Id="rId142" Type="http://schemas.openxmlformats.org/officeDocument/2006/relationships/hyperlink" Target="http://www.air-worldwide.com/Documentation/Validation/3.0/index.htm" TargetMode="External"/><Relationship Id="rId163" Type="http://schemas.openxmlformats.org/officeDocument/2006/relationships/hyperlink" Target="http://www.air-worldwide.com/Documentation/Validation/3.0/index.htm" TargetMode="External"/><Relationship Id="rId184" Type="http://schemas.openxmlformats.org/officeDocument/2006/relationships/hyperlink" Target="http://www.air-worldwide.com/Documentation/Validation/3.0/index.htm" TargetMode="External"/><Relationship Id="rId219" Type="http://schemas.openxmlformats.org/officeDocument/2006/relationships/hyperlink" Target="http://www.air-worldwide.com/Documentation/Validation/3.0/index.htm" TargetMode="External"/><Relationship Id="rId230" Type="http://schemas.openxmlformats.org/officeDocument/2006/relationships/hyperlink" Target="http://www.air-worldwide.com/Documentation/Validation/3.0/index.htm" TargetMode="External"/><Relationship Id="rId25" Type="http://schemas.openxmlformats.org/officeDocument/2006/relationships/hyperlink" Target="http://www.air-worldwide.com/Documentation/Validation/3.0/index.htm" TargetMode="External"/><Relationship Id="rId46" Type="http://schemas.openxmlformats.org/officeDocument/2006/relationships/hyperlink" Target="http://www.air-worldwide.com/Documentation/Validation/3.0/index.htm" TargetMode="External"/><Relationship Id="rId67" Type="http://schemas.openxmlformats.org/officeDocument/2006/relationships/hyperlink" Target="http://www.air-worldwide.com/Documentation/Validation/3.0/index.htm" TargetMode="External"/><Relationship Id="rId20" Type="http://schemas.openxmlformats.org/officeDocument/2006/relationships/hyperlink" Target="http://www.air-worldwide.com/Documentation/Validation/3.0/index.htm" TargetMode="External"/><Relationship Id="rId41" Type="http://schemas.openxmlformats.org/officeDocument/2006/relationships/hyperlink" Target="http://www.air-worldwide.com/Documentation/Validation/3.0/index.htm" TargetMode="External"/><Relationship Id="rId62" Type="http://schemas.openxmlformats.org/officeDocument/2006/relationships/hyperlink" Target="http://www.air-worldwide.com/Documentation/Validation/3.0/index.htm" TargetMode="External"/><Relationship Id="rId83" Type="http://schemas.openxmlformats.org/officeDocument/2006/relationships/hyperlink" Target="http://www.air-worldwide.com/Documentation/Validation/3.0/index.htm" TargetMode="External"/><Relationship Id="rId88" Type="http://schemas.openxmlformats.org/officeDocument/2006/relationships/hyperlink" Target="http://www.air-worldwide.com/Documentation/Validation/3.0/index.htm" TargetMode="External"/><Relationship Id="rId111" Type="http://schemas.openxmlformats.org/officeDocument/2006/relationships/hyperlink" Target="http://www.air-worldwide.com/Documentation/Validation/3.0/index.htm" TargetMode="External"/><Relationship Id="rId132" Type="http://schemas.openxmlformats.org/officeDocument/2006/relationships/hyperlink" Target="http://www.air-worldwide.com/Documentation/Validation/3.0/index.htm" TargetMode="External"/><Relationship Id="rId153" Type="http://schemas.openxmlformats.org/officeDocument/2006/relationships/hyperlink" Target="http://www.air-worldwide.com/Documentation/Validation/3.0/index.htm" TargetMode="External"/><Relationship Id="rId174" Type="http://schemas.openxmlformats.org/officeDocument/2006/relationships/hyperlink" Target="http://www.air-worldwide.com/Documentation/Validation/3.0/index.htm" TargetMode="External"/><Relationship Id="rId179" Type="http://schemas.openxmlformats.org/officeDocument/2006/relationships/hyperlink" Target="http://www.air-worldwide.com/Documentation/Validation/3.0/index.htm" TargetMode="External"/><Relationship Id="rId195" Type="http://schemas.openxmlformats.org/officeDocument/2006/relationships/hyperlink" Target="http://www.air-worldwide.com/Documentation/Validation/3.0/index.htm" TargetMode="External"/><Relationship Id="rId209" Type="http://schemas.openxmlformats.org/officeDocument/2006/relationships/hyperlink" Target="http://www.air-worldwide.com/Documentation/Validation/3.0/index.htm" TargetMode="External"/><Relationship Id="rId190" Type="http://schemas.openxmlformats.org/officeDocument/2006/relationships/hyperlink" Target="http://www.air-worldwide.com/Documentation/Validation/3.0/index.htm" TargetMode="External"/><Relationship Id="rId204" Type="http://schemas.openxmlformats.org/officeDocument/2006/relationships/hyperlink" Target="http://www.air-worldwide.com/Documentation/Validation/3.0/index.htm" TargetMode="External"/><Relationship Id="rId220" Type="http://schemas.openxmlformats.org/officeDocument/2006/relationships/hyperlink" Target="http://www.air-worldwide.com/Documentation/Validation/3.0/index.htm" TargetMode="External"/><Relationship Id="rId225" Type="http://schemas.openxmlformats.org/officeDocument/2006/relationships/hyperlink" Target="http://www.air-worldwide.com/Documentation/Validation/3.0/index.htm" TargetMode="External"/><Relationship Id="rId15" Type="http://schemas.openxmlformats.org/officeDocument/2006/relationships/hyperlink" Target="http://www.air-worldwide.com/Documentation/Validation/3.0/index.htm" TargetMode="External"/><Relationship Id="rId36" Type="http://schemas.openxmlformats.org/officeDocument/2006/relationships/hyperlink" Target="http://www.air-worldwide.com/Documentation/Validation/3.0/index.htm" TargetMode="External"/><Relationship Id="rId57" Type="http://schemas.openxmlformats.org/officeDocument/2006/relationships/hyperlink" Target="http://www.air-worldwide.com/Documentation/Validation/3.0/index.htm" TargetMode="External"/><Relationship Id="rId106" Type="http://schemas.openxmlformats.org/officeDocument/2006/relationships/hyperlink" Target="http://www.air-worldwide.com/Documentation/Validation/3.0/index.htm" TargetMode="External"/><Relationship Id="rId127" Type="http://schemas.openxmlformats.org/officeDocument/2006/relationships/hyperlink" Target="http://www.air-worldwide.com/Documentation/Validation/3.0/index.htm" TargetMode="External"/><Relationship Id="rId10" Type="http://schemas.openxmlformats.org/officeDocument/2006/relationships/hyperlink" Target="http://www.air-worldwide.com/Documentation/Validation/3.0/index.htm" TargetMode="External"/><Relationship Id="rId31" Type="http://schemas.openxmlformats.org/officeDocument/2006/relationships/hyperlink" Target="http://www.air-worldwide.com/Documentation/Validation/3.0/index.htm" TargetMode="External"/><Relationship Id="rId52" Type="http://schemas.openxmlformats.org/officeDocument/2006/relationships/hyperlink" Target="http://www.air-worldwide.com/Documentation/Validation/3.0/index.htm" TargetMode="External"/><Relationship Id="rId73" Type="http://schemas.openxmlformats.org/officeDocument/2006/relationships/hyperlink" Target="http://www.air-worldwide.com/Documentation/Validation/3.0/index.htm" TargetMode="External"/><Relationship Id="rId78" Type="http://schemas.openxmlformats.org/officeDocument/2006/relationships/hyperlink" Target="http://www.air-worldwide.com/Documentation/Validation/3.0/index.htm" TargetMode="External"/><Relationship Id="rId94" Type="http://schemas.openxmlformats.org/officeDocument/2006/relationships/hyperlink" Target="http://www.air-worldwide.com/Documentation/Validation/3.0/index.htm" TargetMode="External"/><Relationship Id="rId99" Type="http://schemas.openxmlformats.org/officeDocument/2006/relationships/hyperlink" Target="http://www.air-worldwide.com/Documentation/Validation/3.0/index.htm" TargetMode="External"/><Relationship Id="rId101" Type="http://schemas.openxmlformats.org/officeDocument/2006/relationships/hyperlink" Target="http://www.air-worldwide.com/Documentation/Validation/3.0/index.htm" TargetMode="External"/><Relationship Id="rId122" Type="http://schemas.openxmlformats.org/officeDocument/2006/relationships/hyperlink" Target="http://www.air-worldwide.com/Documentation/Validation/3.0/index.htm" TargetMode="External"/><Relationship Id="rId143" Type="http://schemas.openxmlformats.org/officeDocument/2006/relationships/hyperlink" Target="http://www.air-worldwide.com/Documentation/Validation/3.0/index.htm" TargetMode="External"/><Relationship Id="rId148" Type="http://schemas.openxmlformats.org/officeDocument/2006/relationships/hyperlink" Target="http://www.air-worldwide.com/Documentation/Validation/3.0/index.htm" TargetMode="External"/><Relationship Id="rId164" Type="http://schemas.openxmlformats.org/officeDocument/2006/relationships/hyperlink" Target="http://www.air-worldwide.com/Documentation/Validation/3.0/index.htm" TargetMode="External"/><Relationship Id="rId169" Type="http://schemas.openxmlformats.org/officeDocument/2006/relationships/hyperlink" Target="http://www.air-worldwide.com/Documentation/Validation/3.0/index.htm" TargetMode="External"/><Relationship Id="rId185" Type="http://schemas.openxmlformats.org/officeDocument/2006/relationships/hyperlink" Target="http://www.air-worldwide.com/Documentation/Validation/3.0/index.htm" TargetMode="External"/><Relationship Id="rId4" Type="http://schemas.openxmlformats.org/officeDocument/2006/relationships/hyperlink" Target="http://www.air-worldwide.com/Documentation/Validation/3.0/index.htm" TargetMode="External"/><Relationship Id="rId9" Type="http://schemas.openxmlformats.org/officeDocument/2006/relationships/hyperlink" Target="http://www.air-worldwide.com/Documentation/Validation/3.0/index.htm" TargetMode="External"/><Relationship Id="rId180" Type="http://schemas.openxmlformats.org/officeDocument/2006/relationships/hyperlink" Target="http://www.air-worldwide.com/Documentation/Validation/3.0/index.htm" TargetMode="External"/><Relationship Id="rId210" Type="http://schemas.openxmlformats.org/officeDocument/2006/relationships/hyperlink" Target="http://www.air-worldwide.com/Documentation/Validation/3.0/index.htm" TargetMode="External"/><Relationship Id="rId215" Type="http://schemas.openxmlformats.org/officeDocument/2006/relationships/hyperlink" Target="http://www.air-worldwide.com/Documentation/Validation/3.0/index.htm" TargetMode="External"/><Relationship Id="rId26" Type="http://schemas.openxmlformats.org/officeDocument/2006/relationships/hyperlink" Target="http://www.air-worldwide.com/Documentation/Validation/3.0/index.htm" TargetMode="External"/><Relationship Id="rId231" Type="http://schemas.openxmlformats.org/officeDocument/2006/relationships/hyperlink" Target="http://www.air-worldwide.com/Documentation/Validation/3.0/index.htm" TargetMode="External"/><Relationship Id="rId47" Type="http://schemas.openxmlformats.org/officeDocument/2006/relationships/hyperlink" Target="http://www.air-worldwide.com/Documentation/Validation/3.0/index.htm" TargetMode="External"/><Relationship Id="rId68" Type="http://schemas.openxmlformats.org/officeDocument/2006/relationships/hyperlink" Target="http://www.air-worldwide.com/Documentation/Validation/3.0/index.htm" TargetMode="External"/><Relationship Id="rId89" Type="http://schemas.openxmlformats.org/officeDocument/2006/relationships/hyperlink" Target="http://www.air-worldwide.com/Documentation/Validation/3.0/index.htm" TargetMode="External"/><Relationship Id="rId112" Type="http://schemas.openxmlformats.org/officeDocument/2006/relationships/hyperlink" Target="http://www.air-worldwide.com/Documentation/Validation/3.0/index.htm" TargetMode="External"/><Relationship Id="rId133" Type="http://schemas.openxmlformats.org/officeDocument/2006/relationships/hyperlink" Target="http://www.air-worldwide.com/Documentation/Validation/3.0/index.htm" TargetMode="External"/><Relationship Id="rId154" Type="http://schemas.openxmlformats.org/officeDocument/2006/relationships/hyperlink" Target="http://www.air-worldwide.com/Documentation/Validation/3.0/index.htm" TargetMode="External"/><Relationship Id="rId175" Type="http://schemas.openxmlformats.org/officeDocument/2006/relationships/hyperlink" Target="http://www.air-worldwide.com/Documentation/Validation/3.0/index.htm" TargetMode="External"/><Relationship Id="rId196" Type="http://schemas.openxmlformats.org/officeDocument/2006/relationships/hyperlink" Target="http://www.air-worldwide.com/Documentation/Validation/3.0/index.htm" TargetMode="External"/><Relationship Id="rId200" Type="http://schemas.openxmlformats.org/officeDocument/2006/relationships/hyperlink" Target="http://www.air-worldwide.com/Documentation/Validation/3.0/index.htm" TargetMode="External"/><Relationship Id="rId16" Type="http://schemas.openxmlformats.org/officeDocument/2006/relationships/hyperlink" Target="http://www.air-worldwide.com/Documentation/Validation/3.0/index.htm" TargetMode="External"/><Relationship Id="rId221" Type="http://schemas.openxmlformats.org/officeDocument/2006/relationships/hyperlink" Target="http://www.air-worldwide.com/Documentation/Validation/3.0/index.htm" TargetMode="External"/><Relationship Id="rId37" Type="http://schemas.openxmlformats.org/officeDocument/2006/relationships/hyperlink" Target="http://www.air-worldwide.com/Documentation/Validation/3.0/index.htm" TargetMode="External"/><Relationship Id="rId58" Type="http://schemas.openxmlformats.org/officeDocument/2006/relationships/hyperlink" Target="http://www.air-worldwide.com/Documentation/Validation/3.0/index.htm" TargetMode="External"/><Relationship Id="rId79" Type="http://schemas.openxmlformats.org/officeDocument/2006/relationships/hyperlink" Target="http://www.air-worldwide.com/Documentation/Validation/3.0/index.htm" TargetMode="External"/><Relationship Id="rId102" Type="http://schemas.openxmlformats.org/officeDocument/2006/relationships/hyperlink" Target="http://www.air-worldwide.com/Documentation/Validation/3.0/index.htm" TargetMode="External"/><Relationship Id="rId123" Type="http://schemas.openxmlformats.org/officeDocument/2006/relationships/hyperlink" Target="http://www.air-worldwide.com/Documentation/Validation/3.0/index.htm" TargetMode="External"/><Relationship Id="rId144" Type="http://schemas.openxmlformats.org/officeDocument/2006/relationships/hyperlink" Target="http://www.air-worldwide.com/Documentation/Validation/3.0/index.htm" TargetMode="External"/><Relationship Id="rId90" Type="http://schemas.openxmlformats.org/officeDocument/2006/relationships/hyperlink" Target="http://www.air-worldwide.com/Documentation/Validation/3.0/index.htm" TargetMode="External"/><Relationship Id="rId165" Type="http://schemas.openxmlformats.org/officeDocument/2006/relationships/hyperlink" Target="http://www.air-worldwide.com/Documentation/Validation/3.0/index.htm" TargetMode="External"/><Relationship Id="rId186" Type="http://schemas.openxmlformats.org/officeDocument/2006/relationships/hyperlink" Target="http://www.air-worldwide.com/Documentation/Validation/3.0/index.htm" TargetMode="External"/><Relationship Id="rId211" Type="http://schemas.openxmlformats.org/officeDocument/2006/relationships/hyperlink" Target="http://www.air-worldwide.com/Documentation/Validation/3.0/index.htm" TargetMode="External"/><Relationship Id="rId232" Type="http://schemas.openxmlformats.org/officeDocument/2006/relationships/hyperlink" Target="http://www.air-worldwide.com/Documentation/Validation/3.0/index.htm" TargetMode="External"/><Relationship Id="rId27" Type="http://schemas.openxmlformats.org/officeDocument/2006/relationships/hyperlink" Target="http://www.air-worldwide.com/Documentation/Validation/3.0/index.htm" TargetMode="External"/><Relationship Id="rId48" Type="http://schemas.openxmlformats.org/officeDocument/2006/relationships/hyperlink" Target="http://www.air-worldwide.com/Documentation/Validation/3.0/index.htm" TargetMode="External"/><Relationship Id="rId69" Type="http://schemas.openxmlformats.org/officeDocument/2006/relationships/hyperlink" Target="http://www.air-worldwide.com/Documentation/Validation/3.0/index.htm" TargetMode="External"/><Relationship Id="rId113" Type="http://schemas.openxmlformats.org/officeDocument/2006/relationships/hyperlink" Target="http://www.air-worldwide.com/Documentation/Validation/3.0/index.htm" TargetMode="External"/><Relationship Id="rId134" Type="http://schemas.openxmlformats.org/officeDocument/2006/relationships/hyperlink" Target="http://www.air-worldwide.com/Documentation/Validation/3.0/index.htm" TargetMode="External"/><Relationship Id="rId80" Type="http://schemas.openxmlformats.org/officeDocument/2006/relationships/hyperlink" Target="http://www.air-worldwide.com/Documentation/Validation/3.0/index.htm" TargetMode="External"/><Relationship Id="rId155" Type="http://schemas.openxmlformats.org/officeDocument/2006/relationships/hyperlink" Target="http://www.air-worldwide.com/Documentation/Validation/3.0/index.htm" TargetMode="External"/><Relationship Id="rId176" Type="http://schemas.openxmlformats.org/officeDocument/2006/relationships/hyperlink" Target="http://www.air-worldwide.com/Documentation/Validation/3.0/index.htm" TargetMode="External"/><Relationship Id="rId197" Type="http://schemas.openxmlformats.org/officeDocument/2006/relationships/hyperlink" Target="http://www.air-worldwide.com/Documentation/Validation/3.0/index.htm" TargetMode="External"/><Relationship Id="rId201" Type="http://schemas.openxmlformats.org/officeDocument/2006/relationships/hyperlink" Target="http://www.air-worldwide.com/Documentation/Validation/3.0/index.htm" TargetMode="External"/><Relationship Id="rId222" Type="http://schemas.openxmlformats.org/officeDocument/2006/relationships/hyperlink" Target="http://www.air-worldwide.com/Documentation/Validation/3.0/index.htm" TargetMode="External"/><Relationship Id="rId17" Type="http://schemas.openxmlformats.org/officeDocument/2006/relationships/hyperlink" Target="http://www.air-worldwide.com/Documentation/Validation/3.0/index.htm" TargetMode="External"/><Relationship Id="rId38" Type="http://schemas.openxmlformats.org/officeDocument/2006/relationships/hyperlink" Target="http://www.air-worldwide.com/Documentation/Validation/3.0/index.htm" TargetMode="External"/><Relationship Id="rId59" Type="http://schemas.openxmlformats.org/officeDocument/2006/relationships/hyperlink" Target="http://www.air-worldwide.com/Documentation/Validation/3.0/index.htm" TargetMode="External"/><Relationship Id="rId103" Type="http://schemas.openxmlformats.org/officeDocument/2006/relationships/hyperlink" Target="http://www.air-worldwide.com/Documentation/Validation/3.0/index.htm" TargetMode="External"/><Relationship Id="rId124" Type="http://schemas.openxmlformats.org/officeDocument/2006/relationships/hyperlink" Target="http://www.air-worldwide.com/Documentation/Validation/3.0/index.htm" TargetMode="External"/><Relationship Id="rId70" Type="http://schemas.openxmlformats.org/officeDocument/2006/relationships/hyperlink" Target="http://www.air-worldwide.com/Documentation/Validation/3.0/index.htm" TargetMode="External"/><Relationship Id="rId91" Type="http://schemas.openxmlformats.org/officeDocument/2006/relationships/hyperlink" Target="http://www.air-worldwide.com/Documentation/Validation/3.0/index.htm" TargetMode="External"/><Relationship Id="rId145" Type="http://schemas.openxmlformats.org/officeDocument/2006/relationships/hyperlink" Target="http://www.air-worldwide.com/Documentation/Validation/3.0/index.htm" TargetMode="External"/><Relationship Id="rId166" Type="http://schemas.openxmlformats.org/officeDocument/2006/relationships/hyperlink" Target="http://www.air-worldwide.com/Documentation/Validation/3.0/index.htm" TargetMode="External"/><Relationship Id="rId187" Type="http://schemas.openxmlformats.org/officeDocument/2006/relationships/hyperlink" Target="http://www.air-worldwide.com/Documentation/Validation/3.0/index.htm" TargetMode="External"/><Relationship Id="rId1" Type="http://schemas.openxmlformats.org/officeDocument/2006/relationships/hyperlink" Target="http://www.air-worldwide.com/Documentation/Validation/3.0/index.htm" TargetMode="External"/><Relationship Id="rId212" Type="http://schemas.openxmlformats.org/officeDocument/2006/relationships/hyperlink" Target="http://www.air-worldwide.com/Documentation/Validation/3.0/index.htm" TargetMode="External"/><Relationship Id="rId233" Type="http://schemas.openxmlformats.org/officeDocument/2006/relationships/hyperlink" Target="http://www.air-worldwide.com/Documentation/Validation/3.0/index.htm" TargetMode="External"/><Relationship Id="rId28" Type="http://schemas.openxmlformats.org/officeDocument/2006/relationships/hyperlink" Target="http://www.air-worldwide.com/Documentation/Validation/3.0/index.htm" TargetMode="External"/><Relationship Id="rId49" Type="http://schemas.openxmlformats.org/officeDocument/2006/relationships/hyperlink" Target="http://www.air-worldwide.com/Documentation/Validation/3.0/index.htm" TargetMode="External"/><Relationship Id="rId114" Type="http://schemas.openxmlformats.org/officeDocument/2006/relationships/hyperlink" Target="http://www.air-worldwide.com/Documentation/Validation/3.0/index.htm" TargetMode="External"/><Relationship Id="rId60" Type="http://schemas.openxmlformats.org/officeDocument/2006/relationships/hyperlink" Target="http://www.air-worldwide.com/Documentation/Validation/3.0/index.htm" TargetMode="External"/><Relationship Id="rId81" Type="http://schemas.openxmlformats.org/officeDocument/2006/relationships/hyperlink" Target="http://www.air-worldwide.com/Documentation/Validation/3.0/index.htm" TargetMode="External"/><Relationship Id="rId135" Type="http://schemas.openxmlformats.org/officeDocument/2006/relationships/hyperlink" Target="http://www.air-worldwide.com/Documentation/Validation/3.0/index.htm" TargetMode="External"/><Relationship Id="rId156" Type="http://schemas.openxmlformats.org/officeDocument/2006/relationships/hyperlink" Target="http://www.air-worldwide.com/Documentation/Validation/3.0/index.htm" TargetMode="External"/><Relationship Id="rId177" Type="http://schemas.openxmlformats.org/officeDocument/2006/relationships/hyperlink" Target="http://www.air-worldwide.com/Documentation/Validation/3.0/index.htm" TargetMode="External"/><Relationship Id="rId198" Type="http://schemas.openxmlformats.org/officeDocument/2006/relationships/hyperlink" Target="http://www.air-worldwide.com/Documentation/Validation/3.0/index.htm" TargetMode="External"/><Relationship Id="rId202" Type="http://schemas.openxmlformats.org/officeDocument/2006/relationships/hyperlink" Target="http://www.air-worldwide.com/Documentation/Validation/3.0/index.htm" TargetMode="External"/><Relationship Id="rId223" Type="http://schemas.openxmlformats.org/officeDocument/2006/relationships/hyperlink" Target="http://www.air-worldwide.com/Documentation/Validation/3.0/index.htm" TargetMode="External"/><Relationship Id="rId18" Type="http://schemas.openxmlformats.org/officeDocument/2006/relationships/hyperlink" Target="http://www.air-worldwide.com/Documentation/Validation/3.0/index.htm" TargetMode="External"/><Relationship Id="rId39" Type="http://schemas.openxmlformats.org/officeDocument/2006/relationships/hyperlink" Target="http://www.air-worldwide.com/Documentation/Validation/3.0/index.htm" TargetMode="External"/><Relationship Id="rId50" Type="http://schemas.openxmlformats.org/officeDocument/2006/relationships/hyperlink" Target="http://www.air-worldwide.com/Documentation/Validation/3.0/index.htm" TargetMode="External"/><Relationship Id="rId104" Type="http://schemas.openxmlformats.org/officeDocument/2006/relationships/hyperlink" Target="http://www.air-worldwide.com/Documentation/Validation/3.0/index.htm" TargetMode="External"/><Relationship Id="rId125" Type="http://schemas.openxmlformats.org/officeDocument/2006/relationships/hyperlink" Target="http://www.air-worldwide.com/Documentation/Validation/3.0/index.htm" TargetMode="External"/><Relationship Id="rId146" Type="http://schemas.openxmlformats.org/officeDocument/2006/relationships/hyperlink" Target="http://www.air-worldwide.com/Documentation/Validation/3.0/index.htm" TargetMode="External"/><Relationship Id="rId167" Type="http://schemas.openxmlformats.org/officeDocument/2006/relationships/hyperlink" Target="http://www.air-worldwide.com/Documentation/Validation/3.0/index.htm" TargetMode="External"/><Relationship Id="rId188" Type="http://schemas.openxmlformats.org/officeDocument/2006/relationships/hyperlink" Target="http://www.air-worldwide.com/Documentation/Validation/3.0/index.htm" TargetMode="External"/><Relationship Id="rId71" Type="http://schemas.openxmlformats.org/officeDocument/2006/relationships/hyperlink" Target="http://www.air-worldwide.com/Documentation/Validation/3.0/index.htm" TargetMode="External"/><Relationship Id="rId92" Type="http://schemas.openxmlformats.org/officeDocument/2006/relationships/hyperlink" Target="http://www.air-worldwide.com/Documentation/Validation/3.0/index.htm" TargetMode="External"/><Relationship Id="rId213" Type="http://schemas.openxmlformats.org/officeDocument/2006/relationships/hyperlink" Target="http://www.air-worldwide.com/Documentation/Validation/3.0/index.htm" TargetMode="External"/><Relationship Id="rId234" Type="http://schemas.openxmlformats.org/officeDocument/2006/relationships/hyperlink" Target="http://www.air-worldwide.com/Documentation/Validation/3.0/index.htm" TargetMode="External"/><Relationship Id="rId2" Type="http://schemas.openxmlformats.org/officeDocument/2006/relationships/hyperlink" Target="http://www.air-worldwide.com/Documentation/Validation/3.0/index.htm" TargetMode="External"/><Relationship Id="rId29" Type="http://schemas.openxmlformats.org/officeDocument/2006/relationships/hyperlink" Target="http://www.air-worldwide.com/Documentation/Validation/3.0/index.htm" TargetMode="External"/><Relationship Id="rId40" Type="http://schemas.openxmlformats.org/officeDocument/2006/relationships/hyperlink" Target="http://www.air-worldwide.com/Documentation/Validation/3.0/index.htm" TargetMode="External"/><Relationship Id="rId115" Type="http://schemas.openxmlformats.org/officeDocument/2006/relationships/hyperlink" Target="http://www.air-worldwide.com/Documentation/Validation/3.0/index.htm" TargetMode="External"/><Relationship Id="rId136" Type="http://schemas.openxmlformats.org/officeDocument/2006/relationships/hyperlink" Target="http://www.air-worldwide.com/Documentation/Validation/3.0/index.htm" TargetMode="External"/><Relationship Id="rId157" Type="http://schemas.openxmlformats.org/officeDocument/2006/relationships/hyperlink" Target="http://www.air-worldwide.com/Documentation/Validation/3.0/index.htm" TargetMode="External"/><Relationship Id="rId178" Type="http://schemas.openxmlformats.org/officeDocument/2006/relationships/hyperlink" Target="http://www.air-worldwide.com/Documentation/Validation/3.0/index.htm" TargetMode="External"/><Relationship Id="rId61" Type="http://schemas.openxmlformats.org/officeDocument/2006/relationships/hyperlink" Target="http://www.air-worldwide.com/Documentation/Validation/3.0/index.htm" TargetMode="External"/><Relationship Id="rId82" Type="http://schemas.openxmlformats.org/officeDocument/2006/relationships/hyperlink" Target="http://www.air-worldwide.com/Documentation/Validation/3.0/index.htm" TargetMode="External"/><Relationship Id="rId199" Type="http://schemas.openxmlformats.org/officeDocument/2006/relationships/hyperlink" Target="http://www.air-worldwide.com/Documentation/Validation/3.0/index.htm" TargetMode="External"/><Relationship Id="rId203" Type="http://schemas.openxmlformats.org/officeDocument/2006/relationships/hyperlink" Target="http://www.air-worldwide.com/Documentation/Validation/3.0/index.htm" TargetMode="External"/><Relationship Id="rId19" Type="http://schemas.openxmlformats.org/officeDocument/2006/relationships/hyperlink" Target="http://www.air-worldwide.com/Documentation/Validation/3.0/index.htm" TargetMode="External"/><Relationship Id="rId224" Type="http://schemas.openxmlformats.org/officeDocument/2006/relationships/hyperlink" Target="http://www.air-worldwide.com/Documentation/Validation/3.0/index.htm" TargetMode="External"/><Relationship Id="rId30" Type="http://schemas.openxmlformats.org/officeDocument/2006/relationships/hyperlink" Target="http://www.air-worldwide.com/Documentation/Validation/3.0/index.htm" TargetMode="External"/><Relationship Id="rId105" Type="http://schemas.openxmlformats.org/officeDocument/2006/relationships/hyperlink" Target="http://www.air-worldwide.com/Documentation/Validation/3.0/index.htm" TargetMode="External"/><Relationship Id="rId126" Type="http://schemas.openxmlformats.org/officeDocument/2006/relationships/hyperlink" Target="http://www.air-worldwide.com/Documentation/Validation/3.0/index.htm" TargetMode="External"/><Relationship Id="rId147" Type="http://schemas.openxmlformats.org/officeDocument/2006/relationships/hyperlink" Target="http://www.air-worldwide.com/Documentation/Validation/3.0/index.htm" TargetMode="External"/><Relationship Id="rId168" Type="http://schemas.openxmlformats.org/officeDocument/2006/relationships/hyperlink" Target="http://www.air-worldwide.com/Documentation/Validation/3.0/index.htm" TargetMode="External"/><Relationship Id="rId51" Type="http://schemas.openxmlformats.org/officeDocument/2006/relationships/hyperlink" Target="http://www.air-worldwide.com/Documentation/Validation/3.0/index.htm" TargetMode="External"/><Relationship Id="rId72" Type="http://schemas.openxmlformats.org/officeDocument/2006/relationships/hyperlink" Target="http://www.air-worldwide.com/Documentation/Validation/3.0/index.htm" TargetMode="External"/><Relationship Id="rId93" Type="http://schemas.openxmlformats.org/officeDocument/2006/relationships/hyperlink" Target="http://www.air-worldwide.com/Documentation/Validation/3.0/index.htm" TargetMode="External"/><Relationship Id="rId189" Type="http://schemas.openxmlformats.org/officeDocument/2006/relationships/hyperlink" Target="http://www.air-worldwide.com/Documentation/Validation/3.0/index.htm" TargetMode="External"/><Relationship Id="rId3" Type="http://schemas.openxmlformats.org/officeDocument/2006/relationships/hyperlink" Target="http://www.air-worldwide.com/Documentation/Validation/3.0/index.htm" TargetMode="External"/><Relationship Id="rId214" Type="http://schemas.openxmlformats.org/officeDocument/2006/relationships/hyperlink" Target="http://www.air-worldwide.com/Documentation/Validation/3.0/index.htm" TargetMode="External"/><Relationship Id="rId235" Type="http://schemas.openxmlformats.org/officeDocument/2006/relationships/printerSettings" Target="../printerSettings/printerSettings1.bin"/><Relationship Id="rId116" Type="http://schemas.openxmlformats.org/officeDocument/2006/relationships/hyperlink" Target="http://www.air-worldwide.com/Documentation/Validation/3.0/index.htm" TargetMode="External"/><Relationship Id="rId137" Type="http://schemas.openxmlformats.org/officeDocument/2006/relationships/hyperlink" Target="http://www.air-worldwide.com/Documentation/Validation/3.0/index.htm" TargetMode="External"/><Relationship Id="rId158" Type="http://schemas.openxmlformats.org/officeDocument/2006/relationships/hyperlink" Target="http://www.air-worldwide.com/Documentation/Validation/3.0/index.htm" TargetMode="External"/></Relationships>
</file>

<file path=xl/worksheets/_rels/sheet4.xml.rels><?xml version="1.0" encoding="UTF-8" standalone="yes"?>
<Relationships xmlns="http://schemas.openxmlformats.org/package/2006/relationships"><Relationship Id="rId26" Type="http://schemas.openxmlformats.org/officeDocument/2006/relationships/hyperlink" Target="http://www.air-worldwide.com/Documentation/Validation/3.0/index.htm" TargetMode="External"/><Relationship Id="rId21" Type="http://schemas.openxmlformats.org/officeDocument/2006/relationships/hyperlink" Target="http://www.air-worldwide.com/Documentation/Validation/3.0/index.htm" TargetMode="External"/><Relationship Id="rId42" Type="http://schemas.openxmlformats.org/officeDocument/2006/relationships/hyperlink" Target="http://www.air-worldwide.com/Documentation/Validation/3.0/index.htm" TargetMode="External"/><Relationship Id="rId47" Type="http://schemas.openxmlformats.org/officeDocument/2006/relationships/hyperlink" Target="http://www.air-worldwide.com/Documentation/Validation/3.0/index.htm" TargetMode="External"/><Relationship Id="rId63" Type="http://schemas.openxmlformats.org/officeDocument/2006/relationships/hyperlink" Target="http://www.air-worldwide.com/Documentation/Validation/3.0/index.htm" TargetMode="External"/><Relationship Id="rId68" Type="http://schemas.openxmlformats.org/officeDocument/2006/relationships/hyperlink" Target="http://www.air-worldwide.com/Documentation/Validation/3.0/index.htm" TargetMode="External"/><Relationship Id="rId84" Type="http://schemas.openxmlformats.org/officeDocument/2006/relationships/hyperlink" Target="http://www.air-worldwide.com/Documentation/Validation/3.0/index.htm" TargetMode="External"/><Relationship Id="rId89" Type="http://schemas.openxmlformats.org/officeDocument/2006/relationships/hyperlink" Target="http://www.air-worldwide.com/Documentation/Validation/3.0/index.htm" TargetMode="External"/><Relationship Id="rId112" Type="http://schemas.openxmlformats.org/officeDocument/2006/relationships/hyperlink" Target="http://www.air-worldwide.com/Documentation/Validation/3.0/index.htm" TargetMode="External"/><Relationship Id="rId16" Type="http://schemas.openxmlformats.org/officeDocument/2006/relationships/hyperlink" Target="http://www.air-worldwide.com/Documentation/Validation/3.0/index.htm" TargetMode="External"/><Relationship Id="rId107" Type="http://schemas.openxmlformats.org/officeDocument/2006/relationships/hyperlink" Target="http://www.air-worldwide.com/Documentation/Validation/3.0/index.htm" TargetMode="External"/><Relationship Id="rId11" Type="http://schemas.openxmlformats.org/officeDocument/2006/relationships/hyperlink" Target="http://www.air-worldwide.com/Documentation/Validation/3.0/index.htm" TargetMode="External"/><Relationship Id="rId32" Type="http://schemas.openxmlformats.org/officeDocument/2006/relationships/hyperlink" Target="http://www.air-worldwide.com/Documentation/Validation/3.0/index.htm" TargetMode="External"/><Relationship Id="rId37" Type="http://schemas.openxmlformats.org/officeDocument/2006/relationships/hyperlink" Target="http://www.air-worldwide.com/Documentation/Validation/3.0/index.htm" TargetMode="External"/><Relationship Id="rId53" Type="http://schemas.openxmlformats.org/officeDocument/2006/relationships/hyperlink" Target="http://www.air-worldwide.com/Documentation/Validation/3.0/index.htm" TargetMode="External"/><Relationship Id="rId58" Type="http://schemas.openxmlformats.org/officeDocument/2006/relationships/hyperlink" Target="http://www.air-worldwide.com/Documentation/Validation/3.0/index.htm" TargetMode="External"/><Relationship Id="rId74" Type="http://schemas.openxmlformats.org/officeDocument/2006/relationships/hyperlink" Target="http://www.air-worldwide.com/Documentation/Validation/3.0/index.htm" TargetMode="External"/><Relationship Id="rId79" Type="http://schemas.openxmlformats.org/officeDocument/2006/relationships/hyperlink" Target="http://www.air-worldwide.com/Documentation/Validation/3.0/index.htm" TargetMode="External"/><Relationship Id="rId102" Type="http://schemas.openxmlformats.org/officeDocument/2006/relationships/hyperlink" Target="http://www.air-worldwide.com/Documentation/Validation/3.0/index.htm" TargetMode="External"/><Relationship Id="rId5" Type="http://schemas.openxmlformats.org/officeDocument/2006/relationships/hyperlink" Target="http://www.air-worldwide.com/Documentation/Validation/3.0/index.htm" TargetMode="External"/><Relationship Id="rId90" Type="http://schemas.openxmlformats.org/officeDocument/2006/relationships/hyperlink" Target="http://www.air-worldwide.com/Documentation/Validation/3.0/index.htm" TargetMode="External"/><Relationship Id="rId95" Type="http://schemas.openxmlformats.org/officeDocument/2006/relationships/hyperlink" Target="http://www.air-worldwide.com/Documentation/Validation/3.0/index.htm" TargetMode="External"/><Relationship Id="rId22" Type="http://schemas.openxmlformats.org/officeDocument/2006/relationships/hyperlink" Target="http://www.air-worldwide.com/Documentation/Validation/3.0/index.htm" TargetMode="External"/><Relationship Id="rId27" Type="http://schemas.openxmlformats.org/officeDocument/2006/relationships/hyperlink" Target="http://www.air-worldwide.com/Documentation/Validation/3.0/index.htm" TargetMode="External"/><Relationship Id="rId43" Type="http://schemas.openxmlformats.org/officeDocument/2006/relationships/hyperlink" Target="http://www.air-worldwide.com/Documentation/Validation/3.0/index.htm" TargetMode="External"/><Relationship Id="rId48" Type="http://schemas.openxmlformats.org/officeDocument/2006/relationships/hyperlink" Target="http://www.air-worldwide.com/Documentation/Validation/3.0/index.htm" TargetMode="External"/><Relationship Id="rId64" Type="http://schemas.openxmlformats.org/officeDocument/2006/relationships/hyperlink" Target="http://www.air-worldwide.com/Documentation/Validation/3.0/index.htm" TargetMode="External"/><Relationship Id="rId69" Type="http://schemas.openxmlformats.org/officeDocument/2006/relationships/hyperlink" Target="http://www.air-worldwide.com/Documentation/Validation/3.0/index.htm" TargetMode="External"/><Relationship Id="rId113" Type="http://schemas.openxmlformats.org/officeDocument/2006/relationships/hyperlink" Target="http://www.air-worldwide.com/Documentation/Validation/3.0/index.htm" TargetMode="External"/><Relationship Id="rId80" Type="http://schemas.openxmlformats.org/officeDocument/2006/relationships/hyperlink" Target="http://www.air-worldwide.com/Documentation/Validation/3.0/index.htm" TargetMode="External"/><Relationship Id="rId85" Type="http://schemas.openxmlformats.org/officeDocument/2006/relationships/hyperlink" Target="http://www.air-worldwide.com/Documentation/Validation/3.0/index.htm" TargetMode="External"/><Relationship Id="rId12" Type="http://schemas.openxmlformats.org/officeDocument/2006/relationships/hyperlink" Target="http://www.air-worldwide.com/Documentation/Validation/3.0/index.htm" TargetMode="External"/><Relationship Id="rId17" Type="http://schemas.openxmlformats.org/officeDocument/2006/relationships/hyperlink" Target="http://www.air-worldwide.com/Documentation/Validation/3.0/index.htm" TargetMode="External"/><Relationship Id="rId33" Type="http://schemas.openxmlformats.org/officeDocument/2006/relationships/hyperlink" Target="http://www.air-worldwide.com/Documentation/Validation/3.0/index.htm" TargetMode="External"/><Relationship Id="rId38" Type="http://schemas.openxmlformats.org/officeDocument/2006/relationships/hyperlink" Target="http://www.air-worldwide.com/Documentation/Validation/3.0/index.htm" TargetMode="External"/><Relationship Id="rId59" Type="http://schemas.openxmlformats.org/officeDocument/2006/relationships/hyperlink" Target="http://www.air-worldwide.com/Documentation/Validation/3.0/index.htm" TargetMode="External"/><Relationship Id="rId103" Type="http://schemas.openxmlformats.org/officeDocument/2006/relationships/hyperlink" Target="http://www.air-worldwide.com/Documentation/Validation/3.0/index.htm" TargetMode="External"/><Relationship Id="rId108" Type="http://schemas.openxmlformats.org/officeDocument/2006/relationships/hyperlink" Target="http://www.air-worldwide.com/Documentation/Validation/3.0/index.htm" TargetMode="External"/><Relationship Id="rId54" Type="http://schemas.openxmlformats.org/officeDocument/2006/relationships/hyperlink" Target="http://www.air-worldwide.com/Documentation/Validation/3.0/index.htm" TargetMode="External"/><Relationship Id="rId70" Type="http://schemas.openxmlformats.org/officeDocument/2006/relationships/hyperlink" Target="http://www.air-worldwide.com/Documentation/Validation/3.0/index.htm" TargetMode="External"/><Relationship Id="rId75" Type="http://schemas.openxmlformats.org/officeDocument/2006/relationships/hyperlink" Target="http://www.air-worldwide.com/Documentation/Validation/3.0/index.htm" TargetMode="External"/><Relationship Id="rId91" Type="http://schemas.openxmlformats.org/officeDocument/2006/relationships/hyperlink" Target="http://www.air-worldwide.com/Documentation/Validation/3.0/index.htm" TargetMode="External"/><Relationship Id="rId96" Type="http://schemas.openxmlformats.org/officeDocument/2006/relationships/hyperlink" Target="http://www.air-worldwide.com/Documentation/Validation/3.0/index.htm" TargetMode="External"/><Relationship Id="rId1" Type="http://schemas.openxmlformats.org/officeDocument/2006/relationships/hyperlink" Target="http://www.air-worldwide.com/Documentation/Validation/3.0/index.htm" TargetMode="External"/><Relationship Id="rId6" Type="http://schemas.openxmlformats.org/officeDocument/2006/relationships/hyperlink" Target="http://www.air-worldwide.com/Documentation/Validation/3.0/index.htm" TargetMode="External"/><Relationship Id="rId15" Type="http://schemas.openxmlformats.org/officeDocument/2006/relationships/hyperlink" Target="http://www.air-worldwide.com/Documentation/Validation/3.0/index.htm" TargetMode="External"/><Relationship Id="rId23" Type="http://schemas.openxmlformats.org/officeDocument/2006/relationships/hyperlink" Target="http://www.air-worldwide.com/Documentation/Validation/3.0/index.htm" TargetMode="External"/><Relationship Id="rId28" Type="http://schemas.openxmlformats.org/officeDocument/2006/relationships/hyperlink" Target="http://www.air-worldwide.com/Documentation/Validation/3.0/index.htm" TargetMode="External"/><Relationship Id="rId36" Type="http://schemas.openxmlformats.org/officeDocument/2006/relationships/hyperlink" Target="http://www.air-worldwide.com/Documentation/Validation/3.0/index.htm" TargetMode="External"/><Relationship Id="rId49" Type="http://schemas.openxmlformats.org/officeDocument/2006/relationships/hyperlink" Target="http://www.air-worldwide.com/Documentation/Validation/3.0/index.htm" TargetMode="External"/><Relationship Id="rId57" Type="http://schemas.openxmlformats.org/officeDocument/2006/relationships/hyperlink" Target="http://www.air-worldwide.com/Documentation/Validation/3.0/index.htm" TargetMode="External"/><Relationship Id="rId106" Type="http://schemas.openxmlformats.org/officeDocument/2006/relationships/hyperlink" Target="http://www.air-worldwide.com/Documentation/Validation/3.0/index.htm" TargetMode="External"/><Relationship Id="rId114" Type="http://schemas.openxmlformats.org/officeDocument/2006/relationships/hyperlink" Target="http://www.air-worldwide.com/Documentation/Validation/3.0/index.htm" TargetMode="External"/><Relationship Id="rId10" Type="http://schemas.openxmlformats.org/officeDocument/2006/relationships/hyperlink" Target="http://www.air-worldwide.com/Documentation/Validation/3.0/index.htm" TargetMode="External"/><Relationship Id="rId31" Type="http://schemas.openxmlformats.org/officeDocument/2006/relationships/hyperlink" Target="http://www.air-worldwide.com/Documentation/Validation/3.0/index.htm" TargetMode="External"/><Relationship Id="rId44" Type="http://schemas.openxmlformats.org/officeDocument/2006/relationships/hyperlink" Target="http://www.air-worldwide.com/Documentation/Validation/3.0/index.htm" TargetMode="External"/><Relationship Id="rId52" Type="http://schemas.openxmlformats.org/officeDocument/2006/relationships/hyperlink" Target="http://www.air-worldwide.com/Documentation/Validation/3.0/index.htm" TargetMode="External"/><Relationship Id="rId60" Type="http://schemas.openxmlformats.org/officeDocument/2006/relationships/hyperlink" Target="http://www.air-worldwide.com/Documentation/Validation/3.0/index.htm" TargetMode="External"/><Relationship Id="rId65" Type="http://schemas.openxmlformats.org/officeDocument/2006/relationships/hyperlink" Target="http://www.air-worldwide.com/Documentation/Validation/3.0/index.htm" TargetMode="External"/><Relationship Id="rId73" Type="http://schemas.openxmlformats.org/officeDocument/2006/relationships/hyperlink" Target="http://www.air-worldwide.com/Documentation/Validation/3.0/index.htm" TargetMode="External"/><Relationship Id="rId78" Type="http://schemas.openxmlformats.org/officeDocument/2006/relationships/hyperlink" Target="http://www.air-worldwide.com/Documentation/Validation/3.0/index.htm" TargetMode="External"/><Relationship Id="rId81" Type="http://schemas.openxmlformats.org/officeDocument/2006/relationships/hyperlink" Target="http://www.air-worldwide.com/Documentation/Validation/3.0/index.htm" TargetMode="External"/><Relationship Id="rId86" Type="http://schemas.openxmlformats.org/officeDocument/2006/relationships/hyperlink" Target="http://www.air-worldwide.com/Documentation/Validation/3.0/index.htm" TargetMode="External"/><Relationship Id="rId94" Type="http://schemas.openxmlformats.org/officeDocument/2006/relationships/hyperlink" Target="http://www.air-worldwide.com/Documentation/Validation/3.0/index.htm" TargetMode="External"/><Relationship Id="rId99" Type="http://schemas.openxmlformats.org/officeDocument/2006/relationships/hyperlink" Target="http://www.air-worldwide.com/Documentation/Validation/3.0/index.htm" TargetMode="External"/><Relationship Id="rId101" Type="http://schemas.openxmlformats.org/officeDocument/2006/relationships/hyperlink" Target="http://www.air-worldwide.com/Documentation/Validation/3.0/index.htm" TargetMode="External"/><Relationship Id="rId4" Type="http://schemas.openxmlformats.org/officeDocument/2006/relationships/hyperlink" Target="http://www.air-worldwide.com/Documentation/Validation/3.0/index.htm" TargetMode="External"/><Relationship Id="rId9" Type="http://schemas.openxmlformats.org/officeDocument/2006/relationships/hyperlink" Target="http://www.air-worldwide.com/Documentation/Validation/3.0/index.htm" TargetMode="External"/><Relationship Id="rId13" Type="http://schemas.openxmlformats.org/officeDocument/2006/relationships/hyperlink" Target="http://www.air-worldwide.com/Documentation/Validation/3.0/index.htm" TargetMode="External"/><Relationship Id="rId18" Type="http://schemas.openxmlformats.org/officeDocument/2006/relationships/hyperlink" Target="http://www.air-worldwide.com/Documentation/Validation/3.0/index.htm" TargetMode="External"/><Relationship Id="rId39" Type="http://schemas.openxmlformats.org/officeDocument/2006/relationships/hyperlink" Target="http://www.air-worldwide.com/Documentation/Validation/3.0/index.htm" TargetMode="External"/><Relationship Id="rId109" Type="http://schemas.openxmlformats.org/officeDocument/2006/relationships/hyperlink" Target="http://www.air-worldwide.com/Documentation/Validation/3.0/index.htm" TargetMode="External"/><Relationship Id="rId34" Type="http://schemas.openxmlformats.org/officeDocument/2006/relationships/hyperlink" Target="http://www.air-worldwide.com/Documentation/Validation/3.0/index.htm" TargetMode="External"/><Relationship Id="rId50" Type="http://schemas.openxmlformats.org/officeDocument/2006/relationships/hyperlink" Target="http://www.air-worldwide.com/Documentation/Validation/3.0/index.htm" TargetMode="External"/><Relationship Id="rId55" Type="http://schemas.openxmlformats.org/officeDocument/2006/relationships/hyperlink" Target="http://www.air-worldwide.com/Documentation/Validation/3.0/index.htm" TargetMode="External"/><Relationship Id="rId76" Type="http://schemas.openxmlformats.org/officeDocument/2006/relationships/hyperlink" Target="http://www.air-worldwide.com/Documentation/Validation/3.0/index.htm" TargetMode="External"/><Relationship Id="rId97" Type="http://schemas.openxmlformats.org/officeDocument/2006/relationships/hyperlink" Target="http://www.air-worldwide.com/Documentation/Validation/3.0/index.htm" TargetMode="External"/><Relationship Id="rId104" Type="http://schemas.openxmlformats.org/officeDocument/2006/relationships/hyperlink" Target="http://www.air-worldwide.com/Documentation/Validation/3.0/index.htm" TargetMode="External"/><Relationship Id="rId7" Type="http://schemas.openxmlformats.org/officeDocument/2006/relationships/hyperlink" Target="http://www.air-worldwide.com/Documentation/Validation/3.0/index.htm" TargetMode="External"/><Relationship Id="rId71" Type="http://schemas.openxmlformats.org/officeDocument/2006/relationships/hyperlink" Target="http://www.air-worldwide.com/Documentation/Validation/3.0/index.htm" TargetMode="External"/><Relationship Id="rId92" Type="http://schemas.openxmlformats.org/officeDocument/2006/relationships/hyperlink" Target="http://www.air-worldwide.com/Documentation/Validation/3.0/index.htm" TargetMode="External"/><Relationship Id="rId2" Type="http://schemas.openxmlformats.org/officeDocument/2006/relationships/hyperlink" Target="http://www.air-worldwide.com/Documentation/Validation/3.0/index.htm" TargetMode="External"/><Relationship Id="rId29" Type="http://schemas.openxmlformats.org/officeDocument/2006/relationships/hyperlink" Target="http://www.air-worldwide.com/Documentation/Validation/3.0/index.htm" TargetMode="External"/><Relationship Id="rId24" Type="http://schemas.openxmlformats.org/officeDocument/2006/relationships/hyperlink" Target="http://www.air-worldwide.com/Documentation/Validation/3.0/index.htm" TargetMode="External"/><Relationship Id="rId40" Type="http://schemas.openxmlformats.org/officeDocument/2006/relationships/hyperlink" Target="http://www.air-worldwide.com/Documentation/Validation/3.0/index.htm" TargetMode="External"/><Relationship Id="rId45" Type="http://schemas.openxmlformats.org/officeDocument/2006/relationships/hyperlink" Target="http://www.air-worldwide.com/Documentation/Validation/3.0/index.htm" TargetMode="External"/><Relationship Id="rId66" Type="http://schemas.openxmlformats.org/officeDocument/2006/relationships/hyperlink" Target="http://www.air-worldwide.com/Documentation/Validation/3.0/index.htm" TargetMode="External"/><Relationship Id="rId87" Type="http://schemas.openxmlformats.org/officeDocument/2006/relationships/hyperlink" Target="http://www.air-worldwide.com/Documentation/Validation/3.0/index.htm" TargetMode="External"/><Relationship Id="rId110" Type="http://schemas.openxmlformats.org/officeDocument/2006/relationships/hyperlink" Target="http://www.air-worldwide.com/Documentation/Validation/3.0/index.htm" TargetMode="External"/><Relationship Id="rId115" Type="http://schemas.openxmlformats.org/officeDocument/2006/relationships/hyperlink" Target="http://www.air-worldwide.com/Documentation/Validation/3.0/index.htm" TargetMode="External"/><Relationship Id="rId61" Type="http://schemas.openxmlformats.org/officeDocument/2006/relationships/hyperlink" Target="http://www.air-worldwide.com/Documentation/Validation/3.0/index.htm" TargetMode="External"/><Relationship Id="rId82" Type="http://schemas.openxmlformats.org/officeDocument/2006/relationships/hyperlink" Target="http://www.air-worldwide.com/Documentation/Validation/3.0/index.htm" TargetMode="External"/><Relationship Id="rId19" Type="http://schemas.openxmlformats.org/officeDocument/2006/relationships/hyperlink" Target="http://www.air-worldwide.com/Documentation/Validation/3.0/index.htm" TargetMode="External"/><Relationship Id="rId14" Type="http://schemas.openxmlformats.org/officeDocument/2006/relationships/hyperlink" Target="http://www.air-worldwide.com/Documentation/Validation/3.0/index.htm" TargetMode="External"/><Relationship Id="rId30" Type="http://schemas.openxmlformats.org/officeDocument/2006/relationships/hyperlink" Target="http://www.air-worldwide.com/Documentation/Validation/3.0/index.htm" TargetMode="External"/><Relationship Id="rId35" Type="http://schemas.openxmlformats.org/officeDocument/2006/relationships/hyperlink" Target="http://www.air-worldwide.com/Documentation/Validation/3.0/index.htm" TargetMode="External"/><Relationship Id="rId56" Type="http://schemas.openxmlformats.org/officeDocument/2006/relationships/hyperlink" Target="http://www.air-worldwide.com/Documentation/Validation/3.0/index.htm" TargetMode="External"/><Relationship Id="rId77" Type="http://schemas.openxmlformats.org/officeDocument/2006/relationships/hyperlink" Target="http://www.air-worldwide.com/Documentation/Validation/3.0/index.htm" TargetMode="External"/><Relationship Id="rId100" Type="http://schemas.openxmlformats.org/officeDocument/2006/relationships/hyperlink" Target="http://www.air-worldwide.com/Documentation/Validation/3.0/index.htm" TargetMode="External"/><Relationship Id="rId105" Type="http://schemas.openxmlformats.org/officeDocument/2006/relationships/hyperlink" Target="http://www.air-worldwide.com/Documentation/Validation/3.0/index.htm" TargetMode="External"/><Relationship Id="rId8" Type="http://schemas.openxmlformats.org/officeDocument/2006/relationships/hyperlink" Target="http://www.air-worldwide.com/Documentation/Validation/3.0/index.htm" TargetMode="External"/><Relationship Id="rId51" Type="http://schemas.openxmlformats.org/officeDocument/2006/relationships/hyperlink" Target="http://www.air-worldwide.com/Documentation/Validation/3.0/index.htm" TargetMode="External"/><Relationship Id="rId72" Type="http://schemas.openxmlformats.org/officeDocument/2006/relationships/hyperlink" Target="http://www.air-worldwide.com/Documentation/Validation/3.0/index.htm" TargetMode="External"/><Relationship Id="rId93" Type="http://schemas.openxmlformats.org/officeDocument/2006/relationships/hyperlink" Target="http://www.air-worldwide.com/Documentation/Validation/3.0/index.htm" TargetMode="External"/><Relationship Id="rId98" Type="http://schemas.openxmlformats.org/officeDocument/2006/relationships/hyperlink" Target="http://www.air-worldwide.com/Documentation/Validation/3.0/index.htm" TargetMode="External"/><Relationship Id="rId3" Type="http://schemas.openxmlformats.org/officeDocument/2006/relationships/hyperlink" Target="http://www.air-worldwide.com/Documentation/Validation/3.0/index.htm" TargetMode="External"/><Relationship Id="rId25" Type="http://schemas.openxmlformats.org/officeDocument/2006/relationships/hyperlink" Target="http://www.air-worldwide.com/Documentation/Validation/3.0/index.htm" TargetMode="External"/><Relationship Id="rId46" Type="http://schemas.openxmlformats.org/officeDocument/2006/relationships/hyperlink" Target="http://www.air-worldwide.com/Documentation/Validation/3.0/index.htm" TargetMode="External"/><Relationship Id="rId67" Type="http://schemas.openxmlformats.org/officeDocument/2006/relationships/hyperlink" Target="http://www.air-worldwide.com/Documentation/Validation/3.0/index.htm" TargetMode="External"/><Relationship Id="rId116" Type="http://schemas.openxmlformats.org/officeDocument/2006/relationships/printerSettings" Target="../printerSettings/printerSettings2.bin"/><Relationship Id="rId20" Type="http://schemas.openxmlformats.org/officeDocument/2006/relationships/hyperlink" Target="http://www.air-worldwide.com/Documentation/Validation/3.0/index.htm" TargetMode="External"/><Relationship Id="rId41" Type="http://schemas.openxmlformats.org/officeDocument/2006/relationships/hyperlink" Target="http://www.air-worldwide.com/Documentation/Validation/3.0/index.htm" TargetMode="External"/><Relationship Id="rId62" Type="http://schemas.openxmlformats.org/officeDocument/2006/relationships/hyperlink" Target="http://www.air-worldwide.com/Documentation/Validation/3.0/index.htm" TargetMode="External"/><Relationship Id="rId83" Type="http://schemas.openxmlformats.org/officeDocument/2006/relationships/hyperlink" Target="http://www.air-worldwide.com/Documentation/Validation/3.0/index.htm" TargetMode="External"/><Relationship Id="rId88" Type="http://schemas.openxmlformats.org/officeDocument/2006/relationships/hyperlink" Target="http://www.air-worldwide.com/Documentation/Validation/3.0/index.htm" TargetMode="External"/><Relationship Id="rId111" Type="http://schemas.openxmlformats.org/officeDocument/2006/relationships/hyperlink" Target="http://www.air-worldwide.com/Documentation/Validation/3.0/index.htm" TargetMode="External"/></Relationships>
</file>

<file path=xl/worksheets/_rels/sheet5.xml.rels><?xml version="1.0" encoding="UTF-8" standalone="yes"?>
<Relationships xmlns="http://schemas.openxmlformats.org/package/2006/relationships"><Relationship Id="rId117" Type="http://schemas.openxmlformats.org/officeDocument/2006/relationships/hyperlink" Target="http://www.air-worldwide.com/Documentation/Validation/3.0/index.htm" TargetMode="External"/><Relationship Id="rId21" Type="http://schemas.openxmlformats.org/officeDocument/2006/relationships/hyperlink" Target="http://www.air-worldwide.com/Documentation/Validation/3.0/index.htm" TargetMode="External"/><Relationship Id="rId42" Type="http://schemas.openxmlformats.org/officeDocument/2006/relationships/hyperlink" Target="http://www.air-worldwide.com/Documentation/Validation/3.0/index.htm" TargetMode="External"/><Relationship Id="rId63" Type="http://schemas.openxmlformats.org/officeDocument/2006/relationships/hyperlink" Target="http://www.air-worldwide.com/Documentation/Validation/3.0/index.htm" TargetMode="External"/><Relationship Id="rId84" Type="http://schemas.openxmlformats.org/officeDocument/2006/relationships/hyperlink" Target="http://www.air-worldwide.com/Documentation/Validation/3.0/index.htm" TargetMode="External"/><Relationship Id="rId138" Type="http://schemas.openxmlformats.org/officeDocument/2006/relationships/hyperlink" Target="http://www.air-worldwide.com/Documentation/Validation/3.0/index.htm" TargetMode="External"/><Relationship Id="rId159" Type="http://schemas.openxmlformats.org/officeDocument/2006/relationships/hyperlink" Target="http://www.air-worldwide.com/Documentation/Validation/3.0/index.htm" TargetMode="External"/><Relationship Id="rId170" Type="http://schemas.openxmlformats.org/officeDocument/2006/relationships/hyperlink" Target="http://www.air-worldwide.com/Documentation/Validation/3.0/index.htm" TargetMode="External"/><Relationship Id="rId191" Type="http://schemas.openxmlformats.org/officeDocument/2006/relationships/hyperlink" Target="http://www.air-worldwide.com/Documentation/Validation/3.0/index.htm" TargetMode="External"/><Relationship Id="rId205" Type="http://schemas.openxmlformats.org/officeDocument/2006/relationships/hyperlink" Target="http://www.air-worldwide.com/Documentation/Validation/3.0/index.htm" TargetMode="External"/><Relationship Id="rId226" Type="http://schemas.openxmlformats.org/officeDocument/2006/relationships/hyperlink" Target="http://www.air-worldwide.com/Documentation/Validation/3.0/index.htm" TargetMode="External"/><Relationship Id="rId107" Type="http://schemas.openxmlformats.org/officeDocument/2006/relationships/hyperlink" Target="http://www.air-worldwide.com/Documentation/Validation/3.0/index.htm" TargetMode="External"/><Relationship Id="rId11" Type="http://schemas.openxmlformats.org/officeDocument/2006/relationships/hyperlink" Target="http://www.air-worldwide.com/Documentation/Validation/3.0/index.htm" TargetMode="External"/><Relationship Id="rId32" Type="http://schemas.openxmlformats.org/officeDocument/2006/relationships/hyperlink" Target="http://www.air-worldwide.com/Documentation/Validation/3.0/index.htm" TargetMode="External"/><Relationship Id="rId53" Type="http://schemas.openxmlformats.org/officeDocument/2006/relationships/hyperlink" Target="http://www.air-worldwide.com/Documentation/Validation/3.0/index.htm" TargetMode="External"/><Relationship Id="rId74" Type="http://schemas.openxmlformats.org/officeDocument/2006/relationships/hyperlink" Target="http://www.air-worldwide.com/Documentation/Validation/3.0/index.htm" TargetMode="External"/><Relationship Id="rId128" Type="http://schemas.openxmlformats.org/officeDocument/2006/relationships/hyperlink" Target="http://www.air-worldwide.com/Documentation/Validation/3.0/index.htm" TargetMode="External"/><Relationship Id="rId149" Type="http://schemas.openxmlformats.org/officeDocument/2006/relationships/hyperlink" Target="http://www.air-worldwide.com/Documentation/Validation/3.0/index.htm" TargetMode="External"/><Relationship Id="rId5" Type="http://schemas.openxmlformats.org/officeDocument/2006/relationships/hyperlink" Target="http://www.air-worldwide.com/Documentation/Validation/3.0/index.htm" TargetMode="External"/><Relationship Id="rId95" Type="http://schemas.openxmlformats.org/officeDocument/2006/relationships/hyperlink" Target="http://www.air-worldwide.com/Documentation/Validation/3.0/index.htm" TargetMode="External"/><Relationship Id="rId160" Type="http://schemas.openxmlformats.org/officeDocument/2006/relationships/hyperlink" Target="http://www.air-worldwide.com/Documentation/Validation/3.0/index.htm" TargetMode="External"/><Relationship Id="rId181" Type="http://schemas.openxmlformats.org/officeDocument/2006/relationships/hyperlink" Target="http://www.air-worldwide.com/Documentation/Validation/3.0/index.htm" TargetMode="External"/><Relationship Id="rId216" Type="http://schemas.openxmlformats.org/officeDocument/2006/relationships/hyperlink" Target="http://www.air-worldwide.com/Documentation/Validation/3.0/index.htm" TargetMode="External"/><Relationship Id="rId22" Type="http://schemas.openxmlformats.org/officeDocument/2006/relationships/hyperlink" Target="http://www.air-worldwide.com/Documentation/Validation/3.0/index.htm" TargetMode="External"/><Relationship Id="rId43" Type="http://schemas.openxmlformats.org/officeDocument/2006/relationships/hyperlink" Target="http://www.air-worldwide.com/Documentation/Validation/3.0/index.htm" TargetMode="External"/><Relationship Id="rId64" Type="http://schemas.openxmlformats.org/officeDocument/2006/relationships/hyperlink" Target="http://www.air-worldwide.com/Documentation/Validation/3.0/index.htm" TargetMode="External"/><Relationship Id="rId118" Type="http://schemas.openxmlformats.org/officeDocument/2006/relationships/hyperlink" Target="http://www.air-worldwide.com/Documentation/Validation/3.0/index.htm" TargetMode="External"/><Relationship Id="rId139" Type="http://schemas.openxmlformats.org/officeDocument/2006/relationships/hyperlink" Target="http://www.air-worldwide.com/Documentation/Validation/3.0/index.htm" TargetMode="External"/><Relationship Id="rId85" Type="http://schemas.openxmlformats.org/officeDocument/2006/relationships/hyperlink" Target="http://www.air-worldwide.com/Documentation/Validation/3.0/index.htm" TargetMode="External"/><Relationship Id="rId150" Type="http://schemas.openxmlformats.org/officeDocument/2006/relationships/hyperlink" Target="http://www.air-worldwide.com/Documentation/Validation/3.0/index.htm" TargetMode="External"/><Relationship Id="rId171" Type="http://schemas.openxmlformats.org/officeDocument/2006/relationships/hyperlink" Target="http://www.air-worldwide.com/Documentation/Validation/3.0/index.htm" TargetMode="External"/><Relationship Id="rId192" Type="http://schemas.openxmlformats.org/officeDocument/2006/relationships/hyperlink" Target="http://www.air-worldwide.com/Documentation/Validation/3.0/index.htm" TargetMode="External"/><Relationship Id="rId206" Type="http://schemas.openxmlformats.org/officeDocument/2006/relationships/hyperlink" Target="http://www.air-worldwide.com/Documentation/Validation/3.0/index.htm" TargetMode="External"/><Relationship Id="rId227" Type="http://schemas.openxmlformats.org/officeDocument/2006/relationships/hyperlink" Target="http://www.air-worldwide.com/Documentation/Validation/3.0/index.htm" TargetMode="External"/><Relationship Id="rId12" Type="http://schemas.openxmlformats.org/officeDocument/2006/relationships/hyperlink" Target="http://www.air-worldwide.com/Documentation/Validation/3.0/index.htm" TargetMode="External"/><Relationship Id="rId33" Type="http://schemas.openxmlformats.org/officeDocument/2006/relationships/hyperlink" Target="http://www.air-worldwide.com/Documentation/Validation/3.0/index.htm" TargetMode="External"/><Relationship Id="rId108" Type="http://schemas.openxmlformats.org/officeDocument/2006/relationships/hyperlink" Target="http://www.air-worldwide.com/Documentation/Validation/3.0/index.htm" TargetMode="External"/><Relationship Id="rId129" Type="http://schemas.openxmlformats.org/officeDocument/2006/relationships/hyperlink" Target="http://www.air-worldwide.com/Documentation/Validation/3.0/index.htm" TargetMode="External"/><Relationship Id="rId54" Type="http://schemas.openxmlformats.org/officeDocument/2006/relationships/hyperlink" Target="http://www.air-worldwide.com/Documentation/Validation/3.0/index.htm" TargetMode="External"/><Relationship Id="rId75" Type="http://schemas.openxmlformats.org/officeDocument/2006/relationships/hyperlink" Target="http://www.air-worldwide.com/Documentation/Validation/3.0/index.htm" TargetMode="External"/><Relationship Id="rId96" Type="http://schemas.openxmlformats.org/officeDocument/2006/relationships/hyperlink" Target="http://www.air-worldwide.com/Documentation/Validation/3.0/index.htm" TargetMode="External"/><Relationship Id="rId140" Type="http://schemas.openxmlformats.org/officeDocument/2006/relationships/hyperlink" Target="http://www.air-worldwide.com/Documentation/Validation/3.0/index.htm" TargetMode="External"/><Relationship Id="rId161" Type="http://schemas.openxmlformats.org/officeDocument/2006/relationships/hyperlink" Target="http://www.air-worldwide.com/Documentation/Validation/3.0/index.htm" TargetMode="External"/><Relationship Id="rId182" Type="http://schemas.openxmlformats.org/officeDocument/2006/relationships/hyperlink" Target="http://www.air-worldwide.com/Documentation/Validation/3.0/index.htm" TargetMode="External"/><Relationship Id="rId217" Type="http://schemas.openxmlformats.org/officeDocument/2006/relationships/hyperlink" Target="http://www.air-worldwide.com/Documentation/Validation/3.0/index.htm" TargetMode="External"/><Relationship Id="rId6" Type="http://schemas.openxmlformats.org/officeDocument/2006/relationships/hyperlink" Target="http://www.air-worldwide.com/Documentation/Validation/3.0/index.htm" TargetMode="External"/><Relationship Id="rId23" Type="http://schemas.openxmlformats.org/officeDocument/2006/relationships/hyperlink" Target="http://www.air-worldwide.com/Documentation/Validation/3.0/index.htm" TargetMode="External"/><Relationship Id="rId119" Type="http://schemas.openxmlformats.org/officeDocument/2006/relationships/hyperlink" Target="http://www.air-worldwide.com/Documentation/Validation/3.0/index.htm" TargetMode="External"/><Relationship Id="rId44" Type="http://schemas.openxmlformats.org/officeDocument/2006/relationships/hyperlink" Target="http://www.air-worldwide.com/Documentation/Validation/3.0/index.htm" TargetMode="External"/><Relationship Id="rId65" Type="http://schemas.openxmlformats.org/officeDocument/2006/relationships/hyperlink" Target="http://www.air-worldwide.com/Documentation/Validation/3.0/index.htm" TargetMode="External"/><Relationship Id="rId86" Type="http://schemas.openxmlformats.org/officeDocument/2006/relationships/hyperlink" Target="http://www.air-worldwide.com/Documentation/Validation/3.0/index.htm" TargetMode="External"/><Relationship Id="rId130" Type="http://schemas.openxmlformats.org/officeDocument/2006/relationships/hyperlink" Target="http://www.air-worldwide.com/Documentation/Validation/3.0/index.htm" TargetMode="External"/><Relationship Id="rId151" Type="http://schemas.openxmlformats.org/officeDocument/2006/relationships/hyperlink" Target="http://www.air-worldwide.com/Documentation/Validation/3.0/index.htm" TargetMode="External"/><Relationship Id="rId172" Type="http://schemas.openxmlformats.org/officeDocument/2006/relationships/hyperlink" Target="http://www.air-worldwide.com/Documentation/Validation/3.0/index.htm" TargetMode="External"/><Relationship Id="rId193" Type="http://schemas.openxmlformats.org/officeDocument/2006/relationships/hyperlink" Target="http://www.air-worldwide.com/Documentation/Validation/3.0/index.htm" TargetMode="External"/><Relationship Id="rId207" Type="http://schemas.openxmlformats.org/officeDocument/2006/relationships/hyperlink" Target="http://www.air-worldwide.com/Documentation/Validation/3.0/index.htm" TargetMode="External"/><Relationship Id="rId228" Type="http://schemas.openxmlformats.org/officeDocument/2006/relationships/hyperlink" Target="http://www.air-worldwide.com/Documentation/Validation/3.0/index.htm" TargetMode="External"/><Relationship Id="rId13" Type="http://schemas.openxmlformats.org/officeDocument/2006/relationships/hyperlink" Target="http://www.air-worldwide.com/Documentation/Validation/3.0/index.htm" TargetMode="External"/><Relationship Id="rId109" Type="http://schemas.openxmlformats.org/officeDocument/2006/relationships/hyperlink" Target="http://www.air-worldwide.com/Documentation/Validation/3.0/index.htm" TargetMode="External"/><Relationship Id="rId34" Type="http://schemas.openxmlformats.org/officeDocument/2006/relationships/hyperlink" Target="http://www.air-worldwide.com/Documentation/Validation/3.0/index.htm" TargetMode="External"/><Relationship Id="rId55" Type="http://schemas.openxmlformats.org/officeDocument/2006/relationships/hyperlink" Target="http://www.air-worldwide.com/Documentation/Validation/3.0/index.htm" TargetMode="External"/><Relationship Id="rId76" Type="http://schemas.openxmlformats.org/officeDocument/2006/relationships/hyperlink" Target="http://www.air-worldwide.com/Documentation/Validation/3.0/index.htm" TargetMode="External"/><Relationship Id="rId97" Type="http://schemas.openxmlformats.org/officeDocument/2006/relationships/hyperlink" Target="http://www.air-worldwide.com/Documentation/Validation/3.0/index.htm" TargetMode="External"/><Relationship Id="rId120" Type="http://schemas.openxmlformats.org/officeDocument/2006/relationships/hyperlink" Target="http://www.air-worldwide.com/Documentation/Validation/3.0/index.htm" TargetMode="External"/><Relationship Id="rId141" Type="http://schemas.openxmlformats.org/officeDocument/2006/relationships/hyperlink" Target="http://www.air-worldwide.com/Documentation/Validation/3.0/index.htm" TargetMode="External"/><Relationship Id="rId7" Type="http://schemas.openxmlformats.org/officeDocument/2006/relationships/hyperlink" Target="http://www.air-worldwide.com/Documentation/Validation/3.0/index.htm" TargetMode="External"/><Relationship Id="rId162" Type="http://schemas.openxmlformats.org/officeDocument/2006/relationships/hyperlink" Target="http://www.air-worldwide.com/Documentation/Validation/3.0/index.htm" TargetMode="External"/><Relationship Id="rId183" Type="http://schemas.openxmlformats.org/officeDocument/2006/relationships/hyperlink" Target="http://www.air-worldwide.com/Documentation/Validation/3.0/index.htm" TargetMode="External"/><Relationship Id="rId218" Type="http://schemas.openxmlformats.org/officeDocument/2006/relationships/hyperlink" Target="http://www.air-worldwide.com/Documentation/Validation/3.0/index.htm" TargetMode="External"/><Relationship Id="rId24" Type="http://schemas.openxmlformats.org/officeDocument/2006/relationships/hyperlink" Target="http://www.air-worldwide.com/Documentation/Validation/3.0/index.htm" TargetMode="External"/><Relationship Id="rId45" Type="http://schemas.openxmlformats.org/officeDocument/2006/relationships/hyperlink" Target="http://www.air-worldwide.com/Documentation/Validation/3.0/index.htm" TargetMode="External"/><Relationship Id="rId66" Type="http://schemas.openxmlformats.org/officeDocument/2006/relationships/hyperlink" Target="http://www.air-worldwide.com/Documentation/Validation/3.0/index.htm" TargetMode="External"/><Relationship Id="rId87" Type="http://schemas.openxmlformats.org/officeDocument/2006/relationships/hyperlink" Target="http://www.air-worldwide.com/Documentation/Validation/3.0/index.htm" TargetMode="External"/><Relationship Id="rId110" Type="http://schemas.openxmlformats.org/officeDocument/2006/relationships/hyperlink" Target="http://www.air-worldwide.com/Documentation/Validation/3.0/index.htm" TargetMode="External"/><Relationship Id="rId131" Type="http://schemas.openxmlformats.org/officeDocument/2006/relationships/hyperlink" Target="http://www.air-worldwide.com/Documentation/Validation/3.0/index.htm" TargetMode="External"/><Relationship Id="rId152" Type="http://schemas.openxmlformats.org/officeDocument/2006/relationships/hyperlink" Target="http://www.air-worldwide.com/Documentation/Validation/3.0/index.htm" TargetMode="External"/><Relationship Id="rId173" Type="http://schemas.openxmlformats.org/officeDocument/2006/relationships/hyperlink" Target="http://www.air-worldwide.com/Documentation/Validation/3.0/index.htm" TargetMode="External"/><Relationship Id="rId194" Type="http://schemas.openxmlformats.org/officeDocument/2006/relationships/hyperlink" Target="http://www.air-worldwide.com/Documentation/Validation/3.0/index.htm" TargetMode="External"/><Relationship Id="rId208" Type="http://schemas.openxmlformats.org/officeDocument/2006/relationships/hyperlink" Target="http://www.air-worldwide.com/Documentation/Validation/3.0/index.htm" TargetMode="External"/><Relationship Id="rId229" Type="http://schemas.openxmlformats.org/officeDocument/2006/relationships/hyperlink" Target="http://www.air-worldwide.com/Documentation/Validation/3.0/index.htm" TargetMode="External"/><Relationship Id="rId14" Type="http://schemas.openxmlformats.org/officeDocument/2006/relationships/hyperlink" Target="http://www.air-worldwide.com/Documentation/Validation/3.0/index.htm" TargetMode="External"/><Relationship Id="rId35" Type="http://schemas.openxmlformats.org/officeDocument/2006/relationships/hyperlink" Target="http://www.air-worldwide.com/Documentation/Validation/3.0/index.htm" TargetMode="External"/><Relationship Id="rId56" Type="http://schemas.openxmlformats.org/officeDocument/2006/relationships/hyperlink" Target="http://www.air-worldwide.com/Documentation/Validation/3.0/index.htm" TargetMode="External"/><Relationship Id="rId77" Type="http://schemas.openxmlformats.org/officeDocument/2006/relationships/hyperlink" Target="http://www.air-worldwide.com/Documentation/Validation/3.0/index.htm" TargetMode="External"/><Relationship Id="rId100" Type="http://schemas.openxmlformats.org/officeDocument/2006/relationships/hyperlink" Target="http://www.air-worldwide.com/Documentation/Validation/3.0/index.htm" TargetMode="External"/><Relationship Id="rId8" Type="http://schemas.openxmlformats.org/officeDocument/2006/relationships/hyperlink" Target="http://www.air-worldwide.com/Documentation/Validation/3.0/index.htm" TargetMode="External"/><Relationship Id="rId98" Type="http://schemas.openxmlformats.org/officeDocument/2006/relationships/hyperlink" Target="http://www.air-worldwide.com/Documentation/Validation/3.0/index.htm" TargetMode="External"/><Relationship Id="rId121" Type="http://schemas.openxmlformats.org/officeDocument/2006/relationships/hyperlink" Target="http://www.air-worldwide.com/Documentation/Validation/3.0/index.htm" TargetMode="External"/><Relationship Id="rId142" Type="http://schemas.openxmlformats.org/officeDocument/2006/relationships/hyperlink" Target="http://www.air-worldwide.com/Documentation/Validation/3.0/index.htm" TargetMode="External"/><Relationship Id="rId163" Type="http://schemas.openxmlformats.org/officeDocument/2006/relationships/hyperlink" Target="http://www.air-worldwide.com/Documentation/Validation/3.0/index.htm" TargetMode="External"/><Relationship Id="rId184" Type="http://schemas.openxmlformats.org/officeDocument/2006/relationships/hyperlink" Target="http://www.air-worldwide.com/Documentation/Validation/3.0/index.htm" TargetMode="External"/><Relationship Id="rId219" Type="http://schemas.openxmlformats.org/officeDocument/2006/relationships/hyperlink" Target="http://www.air-worldwide.com/Documentation/Validation/3.0/index.htm" TargetMode="External"/><Relationship Id="rId230" Type="http://schemas.openxmlformats.org/officeDocument/2006/relationships/hyperlink" Target="http://www.air-worldwide.com/Documentation/Validation/3.0/index.htm" TargetMode="External"/><Relationship Id="rId25" Type="http://schemas.openxmlformats.org/officeDocument/2006/relationships/hyperlink" Target="http://www.air-worldwide.com/Documentation/Validation/3.0/index.htm" TargetMode="External"/><Relationship Id="rId46" Type="http://schemas.openxmlformats.org/officeDocument/2006/relationships/hyperlink" Target="http://www.air-worldwide.com/Documentation/Validation/3.0/index.htm" TargetMode="External"/><Relationship Id="rId67" Type="http://schemas.openxmlformats.org/officeDocument/2006/relationships/hyperlink" Target="http://www.air-worldwide.com/Documentation/Validation/3.0/index.htm" TargetMode="External"/><Relationship Id="rId20" Type="http://schemas.openxmlformats.org/officeDocument/2006/relationships/hyperlink" Target="http://www.air-worldwide.com/Documentation/Validation/3.0/index.htm" TargetMode="External"/><Relationship Id="rId41" Type="http://schemas.openxmlformats.org/officeDocument/2006/relationships/hyperlink" Target="http://www.air-worldwide.com/Documentation/Validation/3.0/index.htm" TargetMode="External"/><Relationship Id="rId62" Type="http://schemas.openxmlformats.org/officeDocument/2006/relationships/hyperlink" Target="http://www.air-worldwide.com/Documentation/Validation/3.0/index.htm" TargetMode="External"/><Relationship Id="rId83" Type="http://schemas.openxmlformats.org/officeDocument/2006/relationships/hyperlink" Target="http://www.air-worldwide.com/Documentation/Validation/3.0/index.htm" TargetMode="External"/><Relationship Id="rId88" Type="http://schemas.openxmlformats.org/officeDocument/2006/relationships/hyperlink" Target="http://www.air-worldwide.com/Documentation/Validation/3.0/index.htm" TargetMode="External"/><Relationship Id="rId111" Type="http://schemas.openxmlformats.org/officeDocument/2006/relationships/hyperlink" Target="http://www.air-worldwide.com/Documentation/Validation/3.0/index.htm" TargetMode="External"/><Relationship Id="rId132" Type="http://schemas.openxmlformats.org/officeDocument/2006/relationships/hyperlink" Target="http://www.air-worldwide.com/Documentation/Validation/3.0/index.htm" TargetMode="External"/><Relationship Id="rId153" Type="http://schemas.openxmlformats.org/officeDocument/2006/relationships/hyperlink" Target="http://www.air-worldwide.com/Documentation/Validation/3.0/index.htm" TargetMode="External"/><Relationship Id="rId174" Type="http://schemas.openxmlformats.org/officeDocument/2006/relationships/hyperlink" Target="http://www.air-worldwide.com/Documentation/Validation/3.0/index.htm" TargetMode="External"/><Relationship Id="rId179" Type="http://schemas.openxmlformats.org/officeDocument/2006/relationships/hyperlink" Target="http://www.air-worldwide.com/Documentation/Validation/3.0/index.htm" TargetMode="External"/><Relationship Id="rId195" Type="http://schemas.openxmlformats.org/officeDocument/2006/relationships/hyperlink" Target="http://www.air-worldwide.com/Documentation/Validation/3.0/index.htm" TargetMode="External"/><Relationship Id="rId209" Type="http://schemas.openxmlformats.org/officeDocument/2006/relationships/hyperlink" Target="http://www.air-worldwide.com/Documentation/Validation/3.0/index.htm" TargetMode="External"/><Relationship Id="rId190" Type="http://schemas.openxmlformats.org/officeDocument/2006/relationships/hyperlink" Target="http://www.air-worldwide.com/Documentation/Validation/3.0/index.htm" TargetMode="External"/><Relationship Id="rId204" Type="http://schemas.openxmlformats.org/officeDocument/2006/relationships/hyperlink" Target="http://www.air-worldwide.com/Documentation/Validation/3.0/index.htm" TargetMode="External"/><Relationship Id="rId220" Type="http://schemas.openxmlformats.org/officeDocument/2006/relationships/hyperlink" Target="http://www.air-worldwide.com/Documentation/Validation/3.0/index.htm" TargetMode="External"/><Relationship Id="rId225" Type="http://schemas.openxmlformats.org/officeDocument/2006/relationships/hyperlink" Target="http://www.air-worldwide.com/Documentation/Validation/3.0/index.htm" TargetMode="External"/><Relationship Id="rId15" Type="http://schemas.openxmlformats.org/officeDocument/2006/relationships/hyperlink" Target="http://www.air-worldwide.com/Documentation/Validation/3.0/index.htm" TargetMode="External"/><Relationship Id="rId36" Type="http://schemas.openxmlformats.org/officeDocument/2006/relationships/hyperlink" Target="http://www.air-worldwide.com/Documentation/Validation/3.0/index.htm" TargetMode="External"/><Relationship Id="rId57" Type="http://schemas.openxmlformats.org/officeDocument/2006/relationships/hyperlink" Target="http://www.air-worldwide.com/Documentation/Validation/3.0/index.htm" TargetMode="External"/><Relationship Id="rId106" Type="http://schemas.openxmlformats.org/officeDocument/2006/relationships/hyperlink" Target="http://www.air-worldwide.com/Documentation/Validation/3.0/index.htm" TargetMode="External"/><Relationship Id="rId127" Type="http://schemas.openxmlformats.org/officeDocument/2006/relationships/hyperlink" Target="http://www.air-worldwide.com/Documentation/Validation/3.0/index.htm" TargetMode="External"/><Relationship Id="rId10" Type="http://schemas.openxmlformats.org/officeDocument/2006/relationships/hyperlink" Target="http://www.air-worldwide.com/Documentation/Validation/3.0/index.htm" TargetMode="External"/><Relationship Id="rId31" Type="http://schemas.openxmlformats.org/officeDocument/2006/relationships/hyperlink" Target="http://www.air-worldwide.com/Documentation/Validation/3.0/index.htm" TargetMode="External"/><Relationship Id="rId52" Type="http://schemas.openxmlformats.org/officeDocument/2006/relationships/hyperlink" Target="http://www.air-worldwide.com/Documentation/Validation/3.0/index.htm" TargetMode="External"/><Relationship Id="rId73" Type="http://schemas.openxmlformats.org/officeDocument/2006/relationships/hyperlink" Target="http://www.air-worldwide.com/Documentation/Validation/3.0/index.htm" TargetMode="External"/><Relationship Id="rId78" Type="http://schemas.openxmlformats.org/officeDocument/2006/relationships/hyperlink" Target="http://www.air-worldwide.com/Documentation/Validation/3.0/index.htm" TargetMode="External"/><Relationship Id="rId94" Type="http://schemas.openxmlformats.org/officeDocument/2006/relationships/hyperlink" Target="http://www.air-worldwide.com/Documentation/Validation/3.0/index.htm" TargetMode="External"/><Relationship Id="rId99" Type="http://schemas.openxmlformats.org/officeDocument/2006/relationships/hyperlink" Target="http://www.air-worldwide.com/Documentation/Validation/3.0/index.htm" TargetMode="External"/><Relationship Id="rId101" Type="http://schemas.openxmlformats.org/officeDocument/2006/relationships/hyperlink" Target="http://www.air-worldwide.com/Documentation/Validation/3.0/index.htm" TargetMode="External"/><Relationship Id="rId122" Type="http://schemas.openxmlformats.org/officeDocument/2006/relationships/hyperlink" Target="http://www.air-worldwide.com/Documentation/Validation/3.0/index.htm" TargetMode="External"/><Relationship Id="rId143" Type="http://schemas.openxmlformats.org/officeDocument/2006/relationships/hyperlink" Target="http://www.air-worldwide.com/Documentation/Validation/3.0/index.htm" TargetMode="External"/><Relationship Id="rId148" Type="http://schemas.openxmlformats.org/officeDocument/2006/relationships/hyperlink" Target="http://www.air-worldwide.com/Documentation/Validation/3.0/index.htm" TargetMode="External"/><Relationship Id="rId164" Type="http://schemas.openxmlformats.org/officeDocument/2006/relationships/hyperlink" Target="http://www.air-worldwide.com/Documentation/Validation/3.0/index.htm" TargetMode="External"/><Relationship Id="rId169" Type="http://schemas.openxmlformats.org/officeDocument/2006/relationships/hyperlink" Target="http://www.air-worldwide.com/Documentation/Validation/3.0/index.htm" TargetMode="External"/><Relationship Id="rId185" Type="http://schemas.openxmlformats.org/officeDocument/2006/relationships/hyperlink" Target="http://www.air-worldwide.com/Documentation/Validation/3.0/index.htm" TargetMode="External"/><Relationship Id="rId4" Type="http://schemas.openxmlformats.org/officeDocument/2006/relationships/hyperlink" Target="http://www.air-worldwide.com/Documentation/Validation/3.0/index.htm" TargetMode="External"/><Relationship Id="rId9" Type="http://schemas.openxmlformats.org/officeDocument/2006/relationships/hyperlink" Target="http://www.air-worldwide.com/Documentation/Validation/3.0/index.htm" TargetMode="External"/><Relationship Id="rId180" Type="http://schemas.openxmlformats.org/officeDocument/2006/relationships/hyperlink" Target="http://www.air-worldwide.com/Documentation/Validation/3.0/index.htm" TargetMode="External"/><Relationship Id="rId210" Type="http://schemas.openxmlformats.org/officeDocument/2006/relationships/hyperlink" Target="http://www.air-worldwide.com/Documentation/Validation/3.0/index.htm" TargetMode="External"/><Relationship Id="rId215" Type="http://schemas.openxmlformats.org/officeDocument/2006/relationships/hyperlink" Target="http://www.air-worldwide.com/Documentation/Validation/3.0/index.htm" TargetMode="External"/><Relationship Id="rId26" Type="http://schemas.openxmlformats.org/officeDocument/2006/relationships/hyperlink" Target="http://www.air-worldwide.com/Documentation/Validation/3.0/index.htm" TargetMode="External"/><Relationship Id="rId231" Type="http://schemas.openxmlformats.org/officeDocument/2006/relationships/hyperlink" Target="http://www.air-worldwide.com/Documentation/Validation/3.0/index.htm" TargetMode="External"/><Relationship Id="rId47" Type="http://schemas.openxmlformats.org/officeDocument/2006/relationships/hyperlink" Target="http://www.air-worldwide.com/Documentation/Validation/3.0/index.htm" TargetMode="External"/><Relationship Id="rId68" Type="http://schemas.openxmlformats.org/officeDocument/2006/relationships/hyperlink" Target="http://www.air-worldwide.com/Documentation/Validation/3.0/index.htm" TargetMode="External"/><Relationship Id="rId89" Type="http://schemas.openxmlformats.org/officeDocument/2006/relationships/hyperlink" Target="http://www.air-worldwide.com/Documentation/Validation/3.0/index.htm" TargetMode="External"/><Relationship Id="rId112" Type="http://schemas.openxmlformats.org/officeDocument/2006/relationships/hyperlink" Target="http://www.air-worldwide.com/Documentation/Validation/3.0/index.htm" TargetMode="External"/><Relationship Id="rId133" Type="http://schemas.openxmlformats.org/officeDocument/2006/relationships/hyperlink" Target="http://www.air-worldwide.com/Documentation/Validation/3.0/index.htm" TargetMode="External"/><Relationship Id="rId154" Type="http://schemas.openxmlformats.org/officeDocument/2006/relationships/hyperlink" Target="http://www.air-worldwide.com/Documentation/Validation/3.0/index.htm" TargetMode="External"/><Relationship Id="rId175" Type="http://schemas.openxmlformats.org/officeDocument/2006/relationships/hyperlink" Target="http://www.air-worldwide.com/Documentation/Validation/3.0/index.htm" TargetMode="External"/><Relationship Id="rId196" Type="http://schemas.openxmlformats.org/officeDocument/2006/relationships/hyperlink" Target="http://www.air-worldwide.com/Documentation/Validation/3.0/index.htm" TargetMode="External"/><Relationship Id="rId200" Type="http://schemas.openxmlformats.org/officeDocument/2006/relationships/hyperlink" Target="http://www.air-worldwide.com/Documentation/Validation/3.0/index.htm" TargetMode="External"/><Relationship Id="rId16" Type="http://schemas.openxmlformats.org/officeDocument/2006/relationships/hyperlink" Target="http://www.air-worldwide.com/Documentation/Validation/3.0/index.htm" TargetMode="External"/><Relationship Id="rId221" Type="http://schemas.openxmlformats.org/officeDocument/2006/relationships/hyperlink" Target="http://www.air-worldwide.com/Documentation/Validation/3.0/index.htm" TargetMode="External"/><Relationship Id="rId37" Type="http://schemas.openxmlformats.org/officeDocument/2006/relationships/hyperlink" Target="http://www.air-worldwide.com/Documentation/Validation/3.0/index.htm" TargetMode="External"/><Relationship Id="rId58" Type="http://schemas.openxmlformats.org/officeDocument/2006/relationships/hyperlink" Target="http://www.air-worldwide.com/Documentation/Validation/3.0/index.htm" TargetMode="External"/><Relationship Id="rId79" Type="http://schemas.openxmlformats.org/officeDocument/2006/relationships/hyperlink" Target="http://www.air-worldwide.com/Documentation/Validation/3.0/index.htm" TargetMode="External"/><Relationship Id="rId102" Type="http://schemas.openxmlformats.org/officeDocument/2006/relationships/hyperlink" Target="http://www.air-worldwide.com/Documentation/Validation/3.0/index.htm" TargetMode="External"/><Relationship Id="rId123" Type="http://schemas.openxmlformats.org/officeDocument/2006/relationships/hyperlink" Target="http://www.air-worldwide.com/Documentation/Validation/3.0/index.htm" TargetMode="External"/><Relationship Id="rId144" Type="http://schemas.openxmlformats.org/officeDocument/2006/relationships/hyperlink" Target="http://www.air-worldwide.com/Documentation/Validation/3.0/index.htm" TargetMode="External"/><Relationship Id="rId90" Type="http://schemas.openxmlformats.org/officeDocument/2006/relationships/hyperlink" Target="http://www.air-worldwide.com/Documentation/Validation/3.0/index.htm" TargetMode="External"/><Relationship Id="rId165" Type="http://schemas.openxmlformats.org/officeDocument/2006/relationships/hyperlink" Target="http://www.air-worldwide.com/Documentation/Validation/3.0/index.htm" TargetMode="External"/><Relationship Id="rId186" Type="http://schemas.openxmlformats.org/officeDocument/2006/relationships/hyperlink" Target="http://www.air-worldwide.com/Documentation/Validation/3.0/index.htm" TargetMode="External"/><Relationship Id="rId211" Type="http://schemas.openxmlformats.org/officeDocument/2006/relationships/hyperlink" Target="http://www.air-worldwide.com/Documentation/Validation/3.0/index.htm" TargetMode="External"/><Relationship Id="rId232" Type="http://schemas.openxmlformats.org/officeDocument/2006/relationships/hyperlink" Target="http://www.air-worldwide.com/Documentation/Validation/3.0/index.htm" TargetMode="External"/><Relationship Id="rId27" Type="http://schemas.openxmlformats.org/officeDocument/2006/relationships/hyperlink" Target="http://www.air-worldwide.com/Documentation/Validation/3.0/index.htm" TargetMode="External"/><Relationship Id="rId48" Type="http://schemas.openxmlformats.org/officeDocument/2006/relationships/hyperlink" Target="http://www.air-worldwide.com/Documentation/Validation/3.0/index.htm" TargetMode="External"/><Relationship Id="rId69" Type="http://schemas.openxmlformats.org/officeDocument/2006/relationships/hyperlink" Target="http://www.air-worldwide.com/Documentation/Validation/3.0/index.htm" TargetMode="External"/><Relationship Id="rId113" Type="http://schemas.openxmlformats.org/officeDocument/2006/relationships/hyperlink" Target="http://www.air-worldwide.com/Documentation/Validation/3.0/index.htm" TargetMode="External"/><Relationship Id="rId134" Type="http://schemas.openxmlformats.org/officeDocument/2006/relationships/hyperlink" Target="http://www.air-worldwide.com/Documentation/Validation/3.0/index.htm" TargetMode="External"/><Relationship Id="rId80" Type="http://schemas.openxmlformats.org/officeDocument/2006/relationships/hyperlink" Target="http://www.air-worldwide.com/Documentation/Validation/3.0/index.htm" TargetMode="External"/><Relationship Id="rId155" Type="http://schemas.openxmlformats.org/officeDocument/2006/relationships/hyperlink" Target="http://www.air-worldwide.com/Documentation/Validation/3.0/index.htm" TargetMode="External"/><Relationship Id="rId176" Type="http://schemas.openxmlformats.org/officeDocument/2006/relationships/hyperlink" Target="http://www.air-worldwide.com/Documentation/Validation/3.0/index.htm" TargetMode="External"/><Relationship Id="rId197" Type="http://schemas.openxmlformats.org/officeDocument/2006/relationships/hyperlink" Target="http://www.air-worldwide.com/Documentation/Validation/3.0/index.htm" TargetMode="External"/><Relationship Id="rId201" Type="http://schemas.openxmlformats.org/officeDocument/2006/relationships/hyperlink" Target="http://www.air-worldwide.com/Documentation/Validation/3.0/index.htm" TargetMode="External"/><Relationship Id="rId222" Type="http://schemas.openxmlformats.org/officeDocument/2006/relationships/hyperlink" Target="http://www.air-worldwide.com/Documentation/Validation/3.0/index.htm" TargetMode="External"/><Relationship Id="rId17" Type="http://schemas.openxmlformats.org/officeDocument/2006/relationships/hyperlink" Target="http://www.air-worldwide.com/Documentation/Validation/3.0/index.htm" TargetMode="External"/><Relationship Id="rId38" Type="http://schemas.openxmlformats.org/officeDocument/2006/relationships/hyperlink" Target="http://www.air-worldwide.com/Documentation/Validation/3.0/index.htm" TargetMode="External"/><Relationship Id="rId59" Type="http://schemas.openxmlformats.org/officeDocument/2006/relationships/hyperlink" Target="http://www.air-worldwide.com/Documentation/Validation/3.0/index.htm" TargetMode="External"/><Relationship Id="rId103" Type="http://schemas.openxmlformats.org/officeDocument/2006/relationships/hyperlink" Target="http://www.air-worldwide.com/Documentation/Validation/3.0/index.htm" TargetMode="External"/><Relationship Id="rId124" Type="http://schemas.openxmlformats.org/officeDocument/2006/relationships/hyperlink" Target="http://www.air-worldwide.com/Documentation/Validation/3.0/index.htm" TargetMode="External"/><Relationship Id="rId70" Type="http://schemas.openxmlformats.org/officeDocument/2006/relationships/hyperlink" Target="http://www.air-worldwide.com/Documentation/Validation/3.0/index.htm" TargetMode="External"/><Relationship Id="rId91" Type="http://schemas.openxmlformats.org/officeDocument/2006/relationships/hyperlink" Target="http://www.air-worldwide.com/Documentation/Validation/3.0/index.htm" TargetMode="External"/><Relationship Id="rId145" Type="http://schemas.openxmlformats.org/officeDocument/2006/relationships/hyperlink" Target="http://www.air-worldwide.com/Documentation/Validation/3.0/index.htm" TargetMode="External"/><Relationship Id="rId166" Type="http://schemas.openxmlformats.org/officeDocument/2006/relationships/hyperlink" Target="http://www.air-worldwide.com/Documentation/Validation/3.0/index.htm" TargetMode="External"/><Relationship Id="rId187" Type="http://schemas.openxmlformats.org/officeDocument/2006/relationships/hyperlink" Target="http://www.air-worldwide.com/Documentation/Validation/3.0/index.htm" TargetMode="External"/><Relationship Id="rId1" Type="http://schemas.openxmlformats.org/officeDocument/2006/relationships/hyperlink" Target="http://www.air-worldwide.com/Documentation/Validation/3.0/index.htm" TargetMode="External"/><Relationship Id="rId212" Type="http://schemas.openxmlformats.org/officeDocument/2006/relationships/hyperlink" Target="http://www.air-worldwide.com/Documentation/Validation/3.0/index.htm" TargetMode="External"/><Relationship Id="rId233" Type="http://schemas.openxmlformats.org/officeDocument/2006/relationships/hyperlink" Target="http://www.air-worldwide.com/Documentation/Validation/3.0/index.htm" TargetMode="External"/><Relationship Id="rId28" Type="http://schemas.openxmlformats.org/officeDocument/2006/relationships/hyperlink" Target="http://www.air-worldwide.com/Documentation/Validation/3.0/index.htm" TargetMode="External"/><Relationship Id="rId49" Type="http://schemas.openxmlformats.org/officeDocument/2006/relationships/hyperlink" Target="http://www.air-worldwide.com/Documentation/Validation/3.0/index.htm" TargetMode="External"/><Relationship Id="rId114" Type="http://schemas.openxmlformats.org/officeDocument/2006/relationships/hyperlink" Target="http://www.air-worldwide.com/Documentation/Validation/3.0/index.htm" TargetMode="External"/><Relationship Id="rId60" Type="http://schemas.openxmlformats.org/officeDocument/2006/relationships/hyperlink" Target="http://www.air-worldwide.com/Documentation/Validation/3.0/index.htm" TargetMode="External"/><Relationship Id="rId81" Type="http://schemas.openxmlformats.org/officeDocument/2006/relationships/hyperlink" Target="http://www.air-worldwide.com/Documentation/Validation/3.0/index.htm" TargetMode="External"/><Relationship Id="rId135" Type="http://schemas.openxmlformats.org/officeDocument/2006/relationships/hyperlink" Target="http://www.air-worldwide.com/Documentation/Validation/3.0/index.htm" TargetMode="External"/><Relationship Id="rId156" Type="http://schemas.openxmlformats.org/officeDocument/2006/relationships/hyperlink" Target="http://www.air-worldwide.com/Documentation/Validation/3.0/index.htm" TargetMode="External"/><Relationship Id="rId177" Type="http://schemas.openxmlformats.org/officeDocument/2006/relationships/hyperlink" Target="http://www.air-worldwide.com/Documentation/Validation/3.0/index.htm" TargetMode="External"/><Relationship Id="rId198" Type="http://schemas.openxmlformats.org/officeDocument/2006/relationships/hyperlink" Target="http://www.air-worldwide.com/Documentation/Validation/3.0/index.htm" TargetMode="External"/><Relationship Id="rId202" Type="http://schemas.openxmlformats.org/officeDocument/2006/relationships/hyperlink" Target="http://www.air-worldwide.com/Documentation/Validation/3.0/index.htm" TargetMode="External"/><Relationship Id="rId223" Type="http://schemas.openxmlformats.org/officeDocument/2006/relationships/hyperlink" Target="http://www.air-worldwide.com/Documentation/Validation/3.0/index.htm" TargetMode="External"/><Relationship Id="rId18" Type="http://schemas.openxmlformats.org/officeDocument/2006/relationships/hyperlink" Target="http://www.air-worldwide.com/Documentation/Validation/3.0/index.htm" TargetMode="External"/><Relationship Id="rId39" Type="http://schemas.openxmlformats.org/officeDocument/2006/relationships/hyperlink" Target="http://www.air-worldwide.com/Documentation/Validation/3.0/index.htm" TargetMode="External"/><Relationship Id="rId50" Type="http://schemas.openxmlformats.org/officeDocument/2006/relationships/hyperlink" Target="http://www.air-worldwide.com/Documentation/Validation/3.0/index.htm" TargetMode="External"/><Relationship Id="rId104" Type="http://schemas.openxmlformats.org/officeDocument/2006/relationships/hyperlink" Target="http://www.air-worldwide.com/Documentation/Validation/3.0/index.htm" TargetMode="External"/><Relationship Id="rId125" Type="http://schemas.openxmlformats.org/officeDocument/2006/relationships/hyperlink" Target="http://www.air-worldwide.com/Documentation/Validation/3.0/index.htm" TargetMode="External"/><Relationship Id="rId146" Type="http://schemas.openxmlformats.org/officeDocument/2006/relationships/hyperlink" Target="http://www.air-worldwide.com/Documentation/Validation/3.0/index.htm" TargetMode="External"/><Relationship Id="rId167" Type="http://schemas.openxmlformats.org/officeDocument/2006/relationships/hyperlink" Target="http://www.air-worldwide.com/Documentation/Validation/3.0/index.htm" TargetMode="External"/><Relationship Id="rId188" Type="http://schemas.openxmlformats.org/officeDocument/2006/relationships/hyperlink" Target="http://www.air-worldwide.com/Documentation/Validation/3.0/index.htm" TargetMode="External"/><Relationship Id="rId71" Type="http://schemas.openxmlformats.org/officeDocument/2006/relationships/hyperlink" Target="http://www.air-worldwide.com/Documentation/Validation/3.0/index.htm" TargetMode="External"/><Relationship Id="rId92" Type="http://schemas.openxmlformats.org/officeDocument/2006/relationships/hyperlink" Target="http://www.air-worldwide.com/Documentation/Validation/3.0/index.htm" TargetMode="External"/><Relationship Id="rId213" Type="http://schemas.openxmlformats.org/officeDocument/2006/relationships/hyperlink" Target="http://www.air-worldwide.com/Documentation/Validation/3.0/index.htm" TargetMode="External"/><Relationship Id="rId234" Type="http://schemas.openxmlformats.org/officeDocument/2006/relationships/hyperlink" Target="http://www.air-worldwide.com/Documentation/Validation/3.0/index.htm" TargetMode="External"/><Relationship Id="rId2" Type="http://schemas.openxmlformats.org/officeDocument/2006/relationships/hyperlink" Target="http://www.air-worldwide.com/Documentation/Validation/3.0/index.htm" TargetMode="External"/><Relationship Id="rId29" Type="http://schemas.openxmlformats.org/officeDocument/2006/relationships/hyperlink" Target="http://www.air-worldwide.com/Documentation/Validation/3.0/index.htm" TargetMode="External"/><Relationship Id="rId40" Type="http://schemas.openxmlformats.org/officeDocument/2006/relationships/hyperlink" Target="http://www.air-worldwide.com/Documentation/Validation/3.0/index.htm" TargetMode="External"/><Relationship Id="rId115" Type="http://schemas.openxmlformats.org/officeDocument/2006/relationships/hyperlink" Target="http://www.air-worldwide.com/Documentation/Validation/3.0/index.htm" TargetMode="External"/><Relationship Id="rId136" Type="http://schemas.openxmlformats.org/officeDocument/2006/relationships/hyperlink" Target="http://www.air-worldwide.com/Documentation/Validation/3.0/index.htm" TargetMode="External"/><Relationship Id="rId157" Type="http://schemas.openxmlformats.org/officeDocument/2006/relationships/hyperlink" Target="http://www.air-worldwide.com/Documentation/Validation/3.0/index.htm" TargetMode="External"/><Relationship Id="rId178" Type="http://schemas.openxmlformats.org/officeDocument/2006/relationships/hyperlink" Target="http://www.air-worldwide.com/Documentation/Validation/3.0/index.htm" TargetMode="External"/><Relationship Id="rId61" Type="http://schemas.openxmlformats.org/officeDocument/2006/relationships/hyperlink" Target="http://www.air-worldwide.com/Documentation/Validation/3.0/index.htm" TargetMode="External"/><Relationship Id="rId82" Type="http://schemas.openxmlformats.org/officeDocument/2006/relationships/hyperlink" Target="http://www.air-worldwide.com/Documentation/Validation/3.0/index.htm" TargetMode="External"/><Relationship Id="rId199" Type="http://schemas.openxmlformats.org/officeDocument/2006/relationships/hyperlink" Target="http://www.air-worldwide.com/Documentation/Validation/3.0/index.htm" TargetMode="External"/><Relationship Id="rId203" Type="http://schemas.openxmlformats.org/officeDocument/2006/relationships/hyperlink" Target="http://www.air-worldwide.com/Documentation/Validation/3.0/index.htm" TargetMode="External"/><Relationship Id="rId19" Type="http://schemas.openxmlformats.org/officeDocument/2006/relationships/hyperlink" Target="http://www.air-worldwide.com/Documentation/Validation/3.0/index.htm" TargetMode="External"/><Relationship Id="rId224" Type="http://schemas.openxmlformats.org/officeDocument/2006/relationships/hyperlink" Target="http://www.air-worldwide.com/Documentation/Validation/3.0/index.htm" TargetMode="External"/><Relationship Id="rId30" Type="http://schemas.openxmlformats.org/officeDocument/2006/relationships/hyperlink" Target="http://www.air-worldwide.com/Documentation/Validation/3.0/index.htm" TargetMode="External"/><Relationship Id="rId105" Type="http://schemas.openxmlformats.org/officeDocument/2006/relationships/hyperlink" Target="http://www.air-worldwide.com/Documentation/Validation/3.0/index.htm" TargetMode="External"/><Relationship Id="rId126" Type="http://schemas.openxmlformats.org/officeDocument/2006/relationships/hyperlink" Target="http://www.air-worldwide.com/Documentation/Validation/3.0/index.htm" TargetMode="External"/><Relationship Id="rId147" Type="http://schemas.openxmlformats.org/officeDocument/2006/relationships/hyperlink" Target="http://www.air-worldwide.com/Documentation/Validation/3.0/index.htm" TargetMode="External"/><Relationship Id="rId168" Type="http://schemas.openxmlformats.org/officeDocument/2006/relationships/hyperlink" Target="http://www.air-worldwide.com/Documentation/Validation/3.0/index.htm" TargetMode="External"/><Relationship Id="rId51" Type="http://schemas.openxmlformats.org/officeDocument/2006/relationships/hyperlink" Target="http://www.air-worldwide.com/Documentation/Validation/3.0/index.htm" TargetMode="External"/><Relationship Id="rId72" Type="http://schemas.openxmlformats.org/officeDocument/2006/relationships/hyperlink" Target="http://www.air-worldwide.com/Documentation/Validation/3.0/index.htm" TargetMode="External"/><Relationship Id="rId93" Type="http://schemas.openxmlformats.org/officeDocument/2006/relationships/hyperlink" Target="http://www.air-worldwide.com/Documentation/Validation/3.0/index.htm" TargetMode="External"/><Relationship Id="rId189" Type="http://schemas.openxmlformats.org/officeDocument/2006/relationships/hyperlink" Target="http://www.air-worldwide.com/Documentation/Validation/3.0/index.htm" TargetMode="External"/><Relationship Id="rId3" Type="http://schemas.openxmlformats.org/officeDocument/2006/relationships/hyperlink" Target="http://www.air-worldwide.com/Documentation/Validation/3.0/index.htm" TargetMode="External"/><Relationship Id="rId214" Type="http://schemas.openxmlformats.org/officeDocument/2006/relationships/hyperlink" Target="http://www.air-worldwide.com/Documentation/Validation/3.0/index.htm" TargetMode="External"/><Relationship Id="rId235" Type="http://schemas.openxmlformats.org/officeDocument/2006/relationships/printerSettings" Target="../printerSettings/printerSettings3.bin"/><Relationship Id="rId116" Type="http://schemas.openxmlformats.org/officeDocument/2006/relationships/hyperlink" Target="http://www.air-worldwide.com/Documentation/Validation/3.0/index.htm" TargetMode="External"/><Relationship Id="rId137" Type="http://schemas.openxmlformats.org/officeDocument/2006/relationships/hyperlink" Target="http://www.air-worldwide.com/Documentation/Validation/3.0/index.htm" TargetMode="External"/><Relationship Id="rId158" Type="http://schemas.openxmlformats.org/officeDocument/2006/relationships/hyperlink" Target="http://www.air-worldwide.com/Documentation/Validation/3.0/index.htm" TargetMode="External"/></Relationships>
</file>

<file path=xl/worksheets/_rels/sheet6.xml.rels><?xml version="1.0" encoding="UTF-8" standalone="yes"?>
<Relationships xmlns="http://schemas.openxmlformats.org/package/2006/relationships"><Relationship Id="rId117" Type="http://schemas.openxmlformats.org/officeDocument/2006/relationships/hyperlink" Target="http://www.air-worldwide.com/Documentation/Validation/3.0/index.htm" TargetMode="External"/><Relationship Id="rId21" Type="http://schemas.openxmlformats.org/officeDocument/2006/relationships/hyperlink" Target="http://www.air-worldwide.com/Documentation/Validation/3.0/index.htm" TargetMode="External"/><Relationship Id="rId42" Type="http://schemas.openxmlformats.org/officeDocument/2006/relationships/hyperlink" Target="http://www.air-worldwide.com/Documentation/Validation/3.0/index.htm" TargetMode="External"/><Relationship Id="rId47" Type="http://schemas.openxmlformats.org/officeDocument/2006/relationships/hyperlink" Target="http://www.air-worldwide.com/Documentation/Validation/3.0/index.htm" TargetMode="External"/><Relationship Id="rId63" Type="http://schemas.openxmlformats.org/officeDocument/2006/relationships/hyperlink" Target="http://www.air-worldwide.com/Documentation/Validation/3.0/index.htm" TargetMode="External"/><Relationship Id="rId68" Type="http://schemas.openxmlformats.org/officeDocument/2006/relationships/hyperlink" Target="http://www.air-worldwide.com/Documentation/Validation/3.0/index.htm" TargetMode="External"/><Relationship Id="rId84" Type="http://schemas.openxmlformats.org/officeDocument/2006/relationships/hyperlink" Target="http://www.air-worldwide.com/Documentation/Validation/3.0/index.htm" TargetMode="External"/><Relationship Id="rId89" Type="http://schemas.openxmlformats.org/officeDocument/2006/relationships/hyperlink" Target="http://www.air-worldwide.com/Documentation/Validation/3.0/index.htm" TargetMode="External"/><Relationship Id="rId112" Type="http://schemas.openxmlformats.org/officeDocument/2006/relationships/hyperlink" Target="http://www.air-worldwide.com/Documentation/Validation/3.0/index.htm" TargetMode="External"/><Relationship Id="rId16" Type="http://schemas.openxmlformats.org/officeDocument/2006/relationships/hyperlink" Target="http://www.air-worldwide.com/Documentation/Validation/3.0/index.htm" TargetMode="External"/><Relationship Id="rId107" Type="http://schemas.openxmlformats.org/officeDocument/2006/relationships/hyperlink" Target="http://www.air-worldwide.com/Documentation/Validation/3.0/index.htm" TargetMode="External"/><Relationship Id="rId11" Type="http://schemas.openxmlformats.org/officeDocument/2006/relationships/hyperlink" Target="http://www.air-worldwide.com/Documentation/Validation/3.0/index.htm" TargetMode="External"/><Relationship Id="rId32" Type="http://schemas.openxmlformats.org/officeDocument/2006/relationships/hyperlink" Target="http://www.air-worldwide.com/Documentation/Validation/3.0/index.htm" TargetMode="External"/><Relationship Id="rId37" Type="http://schemas.openxmlformats.org/officeDocument/2006/relationships/hyperlink" Target="http://www.air-worldwide.com/Documentation/Validation/3.0/index.htm" TargetMode="External"/><Relationship Id="rId53" Type="http://schemas.openxmlformats.org/officeDocument/2006/relationships/hyperlink" Target="http://www.air-worldwide.com/Documentation/Validation/3.0/index.htm" TargetMode="External"/><Relationship Id="rId58" Type="http://schemas.openxmlformats.org/officeDocument/2006/relationships/hyperlink" Target="http://www.air-worldwide.com/Documentation/Validation/3.0/index.htm" TargetMode="External"/><Relationship Id="rId74" Type="http://schemas.openxmlformats.org/officeDocument/2006/relationships/hyperlink" Target="http://www.air-worldwide.com/Documentation/Validation/3.0/index.htm" TargetMode="External"/><Relationship Id="rId79" Type="http://schemas.openxmlformats.org/officeDocument/2006/relationships/hyperlink" Target="http://www.air-worldwide.com/Documentation/Validation/3.0/index.htm" TargetMode="External"/><Relationship Id="rId102" Type="http://schemas.openxmlformats.org/officeDocument/2006/relationships/hyperlink" Target="http://www.air-worldwide.com/Documentation/Validation/3.0/index.htm" TargetMode="External"/><Relationship Id="rId123" Type="http://schemas.openxmlformats.org/officeDocument/2006/relationships/hyperlink" Target="http://www.air-worldwide.com/Documentation/Validation/3.0/index.htm" TargetMode="External"/><Relationship Id="rId128" Type="http://schemas.openxmlformats.org/officeDocument/2006/relationships/hyperlink" Target="http://www.air-worldwide.com/Documentation/Validation/3.0/index.htm" TargetMode="External"/><Relationship Id="rId5" Type="http://schemas.openxmlformats.org/officeDocument/2006/relationships/hyperlink" Target="http://www.air-worldwide.com/Documentation/Validation/3.0/index.htm" TargetMode="External"/><Relationship Id="rId90" Type="http://schemas.openxmlformats.org/officeDocument/2006/relationships/hyperlink" Target="http://www.air-worldwide.com/Documentation/Validation/3.0/index.htm" TargetMode="External"/><Relationship Id="rId95" Type="http://schemas.openxmlformats.org/officeDocument/2006/relationships/hyperlink" Target="http://www.air-worldwide.com/Documentation/Validation/3.0/index.htm" TargetMode="External"/><Relationship Id="rId22" Type="http://schemas.openxmlformats.org/officeDocument/2006/relationships/hyperlink" Target="http://www.air-worldwide.com/Documentation/Validation/3.0/index.htm" TargetMode="External"/><Relationship Id="rId27" Type="http://schemas.openxmlformats.org/officeDocument/2006/relationships/hyperlink" Target="http://www.air-worldwide.com/Documentation/Validation/3.0/index.htm" TargetMode="External"/><Relationship Id="rId43" Type="http://schemas.openxmlformats.org/officeDocument/2006/relationships/hyperlink" Target="http://www.air-worldwide.com/Documentation/Validation/3.0/index.htm" TargetMode="External"/><Relationship Id="rId48" Type="http://schemas.openxmlformats.org/officeDocument/2006/relationships/hyperlink" Target="http://www.air-worldwide.com/Documentation/Validation/3.0/index.htm" TargetMode="External"/><Relationship Id="rId64" Type="http://schemas.openxmlformats.org/officeDocument/2006/relationships/hyperlink" Target="http://www.air-worldwide.com/Documentation/Validation/3.0/index.htm" TargetMode="External"/><Relationship Id="rId69" Type="http://schemas.openxmlformats.org/officeDocument/2006/relationships/hyperlink" Target="http://www.air-worldwide.com/Documentation/Validation/3.0/index.htm" TargetMode="External"/><Relationship Id="rId113" Type="http://schemas.openxmlformats.org/officeDocument/2006/relationships/hyperlink" Target="http://www.air-worldwide.com/Documentation/Validation/3.0/index.htm" TargetMode="External"/><Relationship Id="rId118" Type="http://schemas.openxmlformats.org/officeDocument/2006/relationships/hyperlink" Target="http://www.air-worldwide.com/Documentation/Validation/3.0/index.htm" TargetMode="External"/><Relationship Id="rId80" Type="http://schemas.openxmlformats.org/officeDocument/2006/relationships/hyperlink" Target="http://www.air-worldwide.com/Documentation/Validation/3.0/index.htm" TargetMode="External"/><Relationship Id="rId85" Type="http://schemas.openxmlformats.org/officeDocument/2006/relationships/hyperlink" Target="http://www.air-worldwide.com/Documentation/Validation/3.0/index.htm" TargetMode="External"/><Relationship Id="rId12" Type="http://schemas.openxmlformats.org/officeDocument/2006/relationships/hyperlink" Target="http://www.air-worldwide.com/Documentation/Validation/3.0/index.htm" TargetMode="External"/><Relationship Id="rId17" Type="http://schemas.openxmlformats.org/officeDocument/2006/relationships/hyperlink" Target="http://www.air-worldwide.com/Documentation/Validation/3.0/index.htm" TargetMode="External"/><Relationship Id="rId33" Type="http://schemas.openxmlformats.org/officeDocument/2006/relationships/hyperlink" Target="http://www.air-worldwide.com/Documentation/Validation/3.0/index.htm" TargetMode="External"/><Relationship Id="rId38" Type="http://schemas.openxmlformats.org/officeDocument/2006/relationships/hyperlink" Target="http://www.air-worldwide.com/Documentation/Validation/3.0/index.htm" TargetMode="External"/><Relationship Id="rId59" Type="http://schemas.openxmlformats.org/officeDocument/2006/relationships/hyperlink" Target="http://www.air-worldwide.com/Documentation/Validation/3.0/index.htm" TargetMode="External"/><Relationship Id="rId103" Type="http://schemas.openxmlformats.org/officeDocument/2006/relationships/hyperlink" Target="http://www.air-worldwide.com/Documentation/Validation/3.0/index.htm" TargetMode="External"/><Relationship Id="rId108" Type="http://schemas.openxmlformats.org/officeDocument/2006/relationships/hyperlink" Target="http://www.air-worldwide.com/Documentation/Validation/3.0/index.htm" TargetMode="External"/><Relationship Id="rId124" Type="http://schemas.openxmlformats.org/officeDocument/2006/relationships/hyperlink" Target="http://www.air-worldwide.com/Documentation/Validation/3.0/index.htm" TargetMode="External"/><Relationship Id="rId129" Type="http://schemas.openxmlformats.org/officeDocument/2006/relationships/hyperlink" Target="http://www.air-worldwide.com/Documentation/Validation/3.0/index.htm" TargetMode="External"/><Relationship Id="rId54" Type="http://schemas.openxmlformats.org/officeDocument/2006/relationships/hyperlink" Target="http://www.air-worldwide.com/Documentation/Validation/3.0/index.htm" TargetMode="External"/><Relationship Id="rId70" Type="http://schemas.openxmlformats.org/officeDocument/2006/relationships/hyperlink" Target="http://www.air-worldwide.com/Documentation/Validation/3.0/index.htm" TargetMode="External"/><Relationship Id="rId75" Type="http://schemas.openxmlformats.org/officeDocument/2006/relationships/hyperlink" Target="http://www.air-worldwide.com/Documentation/Validation/3.0/index.htm" TargetMode="External"/><Relationship Id="rId91" Type="http://schemas.openxmlformats.org/officeDocument/2006/relationships/hyperlink" Target="http://www.air-worldwide.com/Documentation/Validation/3.0/index.htm" TargetMode="External"/><Relationship Id="rId96" Type="http://schemas.openxmlformats.org/officeDocument/2006/relationships/hyperlink" Target="http://www.air-worldwide.com/Documentation/Validation/3.0/index.htm" TargetMode="External"/><Relationship Id="rId1" Type="http://schemas.openxmlformats.org/officeDocument/2006/relationships/hyperlink" Target="http://www.air-worldwide.com/Documentation/Validation/3.0/index.htm" TargetMode="External"/><Relationship Id="rId6" Type="http://schemas.openxmlformats.org/officeDocument/2006/relationships/hyperlink" Target="http://www.air-worldwide.com/Documentation/Validation/3.0/index.htm" TargetMode="External"/><Relationship Id="rId23" Type="http://schemas.openxmlformats.org/officeDocument/2006/relationships/hyperlink" Target="http://www.air-worldwide.com/Documentation/Validation/3.0/index.htm" TargetMode="External"/><Relationship Id="rId28" Type="http://schemas.openxmlformats.org/officeDocument/2006/relationships/hyperlink" Target="http://www.air-worldwide.com/Documentation/Validation/3.0/index.htm" TargetMode="External"/><Relationship Id="rId49" Type="http://schemas.openxmlformats.org/officeDocument/2006/relationships/hyperlink" Target="http://www.air-worldwide.com/Documentation/Validation/3.0/index.htm" TargetMode="External"/><Relationship Id="rId114" Type="http://schemas.openxmlformats.org/officeDocument/2006/relationships/hyperlink" Target="http://www.air-worldwide.com/Documentation/Validation/3.0/index.htm" TargetMode="External"/><Relationship Id="rId119" Type="http://schemas.openxmlformats.org/officeDocument/2006/relationships/hyperlink" Target="http://www.air-worldwide.com/Documentation/Validation/3.0/index.htm" TargetMode="External"/><Relationship Id="rId44" Type="http://schemas.openxmlformats.org/officeDocument/2006/relationships/hyperlink" Target="http://www.air-worldwide.com/Documentation/Validation/3.0/index.htm" TargetMode="External"/><Relationship Id="rId60" Type="http://schemas.openxmlformats.org/officeDocument/2006/relationships/hyperlink" Target="http://www.air-worldwide.com/Documentation/Validation/3.0/index.htm" TargetMode="External"/><Relationship Id="rId65" Type="http://schemas.openxmlformats.org/officeDocument/2006/relationships/hyperlink" Target="http://www.air-worldwide.com/Documentation/Validation/3.0/index.htm" TargetMode="External"/><Relationship Id="rId81" Type="http://schemas.openxmlformats.org/officeDocument/2006/relationships/hyperlink" Target="http://www.air-worldwide.com/Documentation/Validation/3.0/index.htm" TargetMode="External"/><Relationship Id="rId86" Type="http://schemas.openxmlformats.org/officeDocument/2006/relationships/hyperlink" Target="http://www.air-worldwide.com/Documentation/Validation/3.0/index.htm" TargetMode="External"/><Relationship Id="rId130" Type="http://schemas.openxmlformats.org/officeDocument/2006/relationships/hyperlink" Target="http://www.air-worldwide.com/Documentation/Validation/3.0/index.htm" TargetMode="External"/><Relationship Id="rId13" Type="http://schemas.openxmlformats.org/officeDocument/2006/relationships/hyperlink" Target="http://www.air-worldwide.com/Documentation/Validation/3.0/index.htm" TargetMode="External"/><Relationship Id="rId18" Type="http://schemas.openxmlformats.org/officeDocument/2006/relationships/hyperlink" Target="http://www.air-worldwide.com/Documentation/Validation/3.0/index.htm" TargetMode="External"/><Relationship Id="rId39" Type="http://schemas.openxmlformats.org/officeDocument/2006/relationships/hyperlink" Target="http://www.air-worldwide.com/Documentation/Validation/3.0/index.htm" TargetMode="External"/><Relationship Id="rId109" Type="http://schemas.openxmlformats.org/officeDocument/2006/relationships/hyperlink" Target="http://www.air-worldwide.com/Documentation/Validation/3.0/index.htm" TargetMode="External"/><Relationship Id="rId34" Type="http://schemas.openxmlformats.org/officeDocument/2006/relationships/hyperlink" Target="http://www.air-worldwide.com/Documentation/Validation/3.0/index.htm" TargetMode="External"/><Relationship Id="rId50" Type="http://schemas.openxmlformats.org/officeDocument/2006/relationships/hyperlink" Target="http://www.air-worldwide.com/Documentation/Validation/3.0/index.htm" TargetMode="External"/><Relationship Id="rId55" Type="http://schemas.openxmlformats.org/officeDocument/2006/relationships/hyperlink" Target="http://www.air-worldwide.com/Documentation/Validation/3.0/index.htm" TargetMode="External"/><Relationship Id="rId76" Type="http://schemas.openxmlformats.org/officeDocument/2006/relationships/hyperlink" Target="http://www.air-worldwide.com/Documentation/Validation/3.0/index.htm" TargetMode="External"/><Relationship Id="rId97" Type="http://schemas.openxmlformats.org/officeDocument/2006/relationships/hyperlink" Target="http://www.air-worldwide.com/Documentation/Validation/3.0/index.htm" TargetMode="External"/><Relationship Id="rId104" Type="http://schemas.openxmlformats.org/officeDocument/2006/relationships/hyperlink" Target="http://www.air-worldwide.com/Documentation/Validation/3.0/index.htm" TargetMode="External"/><Relationship Id="rId120" Type="http://schemas.openxmlformats.org/officeDocument/2006/relationships/hyperlink" Target="http://www.air-worldwide.com/Documentation/Validation/3.0/index.htm" TargetMode="External"/><Relationship Id="rId125" Type="http://schemas.openxmlformats.org/officeDocument/2006/relationships/hyperlink" Target="http://www.air-worldwide.com/Documentation/Validation/3.0/index.htm" TargetMode="External"/><Relationship Id="rId7" Type="http://schemas.openxmlformats.org/officeDocument/2006/relationships/hyperlink" Target="http://www.air-worldwide.com/Documentation/Validation/3.0/index.htm" TargetMode="External"/><Relationship Id="rId71" Type="http://schemas.openxmlformats.org/officeDocument/2006/relationships/hyperlink" Target="http://www.air-worldwide.com/Documentation/Validation/3.0/index.htm" TargetMode="External"/><Relationship Id="rId92" Type="http://schemas.openxmlformats.org/officeDocument/2006/relationships/hyperlink" Target="http://www.air-worldwide.com/Documentation/Validation/3.0/index.htm" TargetMode="External"/><Relationship Id="rId2" Type="http://schemas.openxmlformats.org/officeDocument/2006/relationships/hyperlink" Target="http://www.air-worldwide.com/Documentation/Validation/3.0/index.htm" TargetMode="External"/><Relationship Id="rId29" Type="http://schemas.openxmlformats.org/officeDocument/2006/relationships/hyperlink" Target="http://www.air-worldwide.com/Documentation/Validation/3.0/index.htm" TargetMode="External"/><Relationship Id="rId24" Type="http://schemas.openxmlformats.org/officeDocument/2006/relationships/hyperlink" Target="http://www.air-worldwide.com/Documentation/Validation/3.0/index.htm" TargetMode="External"/><Relationship Id="rId40" Type="http://schemas.openxmlformats.org/officeDocument/2006/relationships/hyperlink" Target="http://www.air-worldwide.com/Documentation/Validation/3.0/index.htm" TargetMode="External"/><Relationship Id="rId45" Type="http://schemas.openxmlformats.org/officeDocument/2006/relationships/hyperlink" Target="http://www.air-worldwide.com/Documentation/Validation/3.0/index.htm" TargetMode="External"/><Relationship Id="rId66" Type="http://schemas.openxmlformats.org/officeDocument/2006/relationships/hyperlink" Target="http://www.air-worldwide.com/Documentation/Validation/3.0/index.htm" TargetMode="External"/><Relationship Id="rId87" Type="http://schemas.openxmlformats.org/officeDocument/2006/relationships/hyperlink" Target="http://www.air-worldwide.com/Documentation/Validation/3.0/index.htm" TargetMode="External"/><Relationship Id="rId110" Type="http://schemas.openxmlformats.org/officeDocument/2006/relationships/hyperlink" Target="http://www.air-worldwide.com/Documentation/Validation/3.0/index.htm" TargetMode="External"/><Relationship Id="rId115" Type="http://schemas.openxmlformats.org/officeDocument/2006/relationships/hyperlink" Target="http://www.air-worldwide.com/Documentation/Validation/3.0/index.htm" TargetMode="External"/><Relationship Id="rId131" Type="http://schemas.openxmlformats.org/officeDocument/2006/relationships/hyperlink" Target="http://www.air-worldwide.com/Documentation/Validation/3.0/index.htm" TargetMode="External"/><Relationship Id="rId61" Type="http://schemas.openxmlformats.org/officeDocument/2006/relationships/hyperlink" Target="http://www.air-worldwide.com/Documentation/Validation/3.0/index.htm" TargetMode="External"/><Relationship Id="rId82" Type="http://schemas.openxmlformats.org/officeDocument/2006/relationships/hyperlink" Target="http://www.air-worldwide.com/Documentation/Validation/3.0/index.htm" TargetMode="External"/><Relationship Id="rId19" Type="http://schemas.openxmlformats.org/officeDocument/2006/relationships/hyperlink" Target="http://www.air-worldwide.com/Documentation/Validation/3.0/index.htm" TargetMode="External"/><Relationship Id="rId14" Type="http://schemas.openxmlformats.org/officeDocument/2006/relationships/hyperlink" Target="http://www.air-worldwide.com/Documentation/Validation/3.0/index.htm" TargetMode="External"/><Relationship Id="rId30" Type="http://schemas.openxmlformats.org/officeDocument/2006/relationships/hyperlink" Target="http://www.air-worldwide.com/Documentation/Validation/3.0/index.htm" TargetMode="External"/><Relationship Id="rId35" Type="http://schemas.openxmlformats.org/officeDocument/2006/relationships/hyperlink" Target="http://www.air-worldwide.com/Documentation/Validation/3.0/index.htm" TargetMode="External"/><Relationship Id="rId56" Type="http://schemas.openxmlformats.org/officeDocument/2006/relationships/hyperlink" Target="http://www.air-worldwide.com/Documentation/Validation/3.0/index.htm" TargetMode="External"/><Relationship Id="rId77" Type="http://schemas.openxmlformats.org/officeDocument/2006/relationships/hyperlink" Target="http://www.air-worldwide.com/Documentation/Validation/3.0/index.htm" TargetMode="External"/><Relationship Id="rId100" Type="http://schemas.openxmlformats.org/officeDocument/2006/relationships/hyperlink" Target="http://www.air-worldwide.com/Documentation/Validation/3.0/index.htm" TargetMode="External"/><Relationship Id="rId105" Type="http://schemas.openxmlformats.org/officeDocument/2006/relationships/hyperlink" Target="http://www.air-worldwide.com/Documentation/Validation/3.0/index.htm" TargetMode="External"/><Relationship Id="rId126" Type="http://schemas.openxmlformats.org/officeDocument/2006/relationships/hyperlink" Target="http://www.air-worldwide.com/Documentation/Validation/3.0/index.htm" TargetMode="External"/><Relationship Id="rId8" Type="http://schemas.openxmlformats.org/officeDocument/2006/relationships/hyperlink" Target="http://www.air-worldwide.com/Documentation/Validation/3.0/index.htm" TargetMode="External"/><Relationship Id="rId51" Type="http://schemas.openxmlformats.org/officeDocument/2006/relationships/hyperlink" Target="http://www.air-worldwide.com/Documentation/Validation/3.0/index.htm" TargetMode="External"/><Relationship Id="rId72" Type="http://schemas.openxmlformats.org/officeDocument/2006/relationships/hyperlink" Target="http://www.air-worldwide.com/Documentation/Validation/3.0/index.htm" TargetMode="External"/><Relationship Id="rId93" Type="http://schemas.openxmlformats.org/officeDocument/2006/relationships/hyperlink" Target="http://www.air-worldwide.com/Documentation/Validation/3.0/index.htm" TargetMode="External"/><Relationship Id="rId98" Type="http://schemas.openxmlformats.org/officeDocument/2006/relationships/hyperlink" Target="http://www.air-worldwide.com/Documentation/Validation/3.0/index.htm" TargetMode="External"/><Relationship Id="rId121" Type="http://schemas.openxmlformats.org/officeDocument/2006/relationships/hyperlink" Target="http://www.air-worldwide.com/Documentation/Validation/3.0/index.htm" TargetMode="External"/><Relationship Id="rId3" Type="http://schemas.openxmlformats.org/officeDocument/2006/relationships/hyperlink" Target="http://www.air-worldwide.com/Documentation/Validation/3.0/index.htm" TargetMode="External"/><Relationship Id="rId25" Type="http://schemas.openxmlformats.org/officeDocument/2006/relationships/hyperlink" Target="http://www.air-worldwide.com/Documentation/Validation/3.0/index.htm" TargetMode="External"/><Relationship Id="rId46" Type="http://schemas.openxmlformats.org/officeDocument/2006/relationships/hyperlink" Target="http://www.air-worldwide.com/Documentation/Validation/3.0/index.htm" TargetMode="External"/><Relationship Id="rId67" Type="http://schemas.openxmlformats.org/officeDocument/2006/relationships/hyperlink" Target="http://www.air-worldwide.com/Documentation/Validation/3.0/index.htm" TargetMode="External"/><Relationship Id="rId116" Type="http://schemas.openxmlformats.org/officeDocument/2006/relationships/hyperlink" Target="http://www.air-worldwide.com/Documentation/Validation/3.0/index.htm" TargetMode="External"/><Relationship Id="rId20" Type="http://schemas.openxmlformats.org/officeDocument/2006/relationships/hyperlink" Target="http://www.air-worldwide.com/Documentation/Validation/3.0/index.htm" TargetMode="External"/><Relationship Id="rId41" Type="http://schemas.openxmlformats.org/officeDocument/2006/relationships/hyperlink" Target="http://www.air-worldwide.com/Documentation/Validation/3.0/index.htm" TargetMode="External"/><Relationship Id="rId62" Type="http://schemas.openxmlformats.org/officeDocument/2006/relationships/hyperlink" Target="http://www.air-worldwide.com/Documentation/Validation/3.0/index.htm" TargetMode="External"/><Relationship Id="rId83" Type="http://schemas.openxmlformats.org/officeDocument/2006/relationships/hyperlink" Target="http://www.air-worldwide.com/Documentation/Validation/3.0/index.htm" TargetMode="External"/><Relationship Id="rId88" Type="http://schemas.openxmlformats.org/officeDocument/2006/relationships/hyperlink" Target="http://www.air-worldwide.com/Documentation/Validation/3.0/index.htm" TargetMode="External"/><Relationship Id="rId111" Type="http://schemas.openxmlformats.org/officeDocument/2006/relationships/hyperlink" Target="http://www.air-worldwide.com/Documentation/Validation/3.0/index.htm" TargetMode="External"/><Relationship Id="rId15" Type="http://schemas.openxmlformats.org/officeDocument/2006/relationships/hyperlink" Target="http://www.air-worldwide.com/Documentation/Validation/3.0/index.htm" TargetMode="External"/><Relationship Id="rId36" Type="http://schemas.openxmlformats.org/officeDocument/2006/relationships/hyperlink" Target="http://www.air-worldwide.com/Documentation/Validation/3.0/index.htm" TargetMode="External"/><Relationship Id="rId57" Type="http://schemas.openxmlformats.org/officeDocument/2006/relationships/hyperlink" Target="http://www.air-worldwide.com/Documentation/Validation/3.0/index.htm" TargetMode="External"/><Relationship Id="rId106" Type="http://schemas.openxmlformats.org/officeDocument/2006/relationships/hyperlink" Target="http://www.air-worldwide.com/Documentation/Validation/3.0/index.htm" TargetMode="External"/><Relationship Id="rId127" Type="http://schemas.openxmlformats.org/officeDocument/2006/relationships/hyperlink" Target="http://www.air-worldwide.com/Documentation/Validation/3.0/index.htm" TargetMode="External"/><Relationship Id="rId10" Type="http://schemas.openxmlformats.org/officeDocument/2006/relationships/hyperlink" Target="http://www.air-worldwide.com/Documentation/Validation/3.0/index.htm" TargetMode="External"/><Relationship Id="rId31" Type="http://schemas.openxmlformats.org/officeDocument/2006/relationships/hyperlink" Target="http://www.air-worldwide.com/Documentation/Validation/3.0/index.htm" TargetMode="External"/><Relationship Id="rId52" Type="http://schemas.openxmlformats.org/officeDocument/2006/relationships/hyperlink" Target="http://www.air-worldwide.com/Documentation/Validation/3.0/index.htm" TargetMode="External"/><Relationship Id="rId73" Type="http://schemas.openxmlformats.org/officeDocument/2006/relationships/hyperlink" Target="http://www.air-worldwide.com/Documentation/Validation/3.0/index.htm" TargetMode="External"/><Relationship Id="rId78" Type="http://schemas.openxmlformats.org/officeDocument/2006/relationships/hyperlink" Target="http://www.air-worldwide.com/Documentation/Validation/3.0/index.htm" TargetMode="External"/><Relationship Id="rId94" Type="http://schemas.openxmlformats.org/officeDocument/2006/relationships/hyperlink" Target="http://www.air-worldwide.com/Documentation/Validation/3.0/index.htm" TargetMode="External"/><Relationship Id="rId99" Type="http://schemas.openxmlformats.org/officeDocument/2006/relationships/hyperlink" Target="http://www.air-worldwide.com/Documentation/Validation/3.0/index.htm" TargetMode="External"/><Relationship Id="rId101" Type="http://schemas.openxmlformats.org/officeDocument/2006/relationships/hyperlink" Target="http://www.air-worldwide.com/Documentation/Validation/3.0/index.htm" TargetMode="External"/><Relationship Id="rId122" Type="http://schemas.openxmlformats.org/officeDocument/2006/relationships/hyperlink" Target="http://www.air-worldwide.com/Documentation/Validation/3.0/index.htm" TargetMode="External"/><Relationship Id="rId4" Type="http://schemas.openxmlformats.org/officeDocument/2006/relationships/hyperlink" Target="http://www.air-worldwide.com/Documentation/Validation/3.0/index.htm" TargetMode="External"/><Relationship Id="rId9" Type="http://schemas.openxmlformats.org/officeDocument/2006/relationships/hyperlink" Target="http://www.air-worldwide.com/Documentation/Validation/3.0/index.htm" TargetMode="External"/><Relationship Id="rId26" Type="http://schemas.openxmlformats.org/officeDocument/2006/relationships/hyperlink" Target="http://www.air-worldwide.com/Documentation/Validation/3.0/index.htm"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K25"/>
  <sheetViews>
    <sheetView showGridLines="0" tabSelected="1" workbookViewId="0">
      <selection activeCell="B3" sqref="B3:K25"/>
    </sheetView>
  </sheetViews>
  <sheetFormatPr defaultColWidth="9.140625" defaultRowHeight="15" x14ac:dyDescent="0.25"/>
  <sheetData>
    <row r="3" spans="2:11" ht="15" customHeight="1" x14ac:dyDescent="0.25">
      <c r="B3" s="77" t="s">
        <v>403</v>
      </c>
      <c r="C3" s="78"/>
      <c r="D3" s="78"/>
      <c r="E3" s="78"/>
      <c r="F3" s="78"/>
      <c r="G3" s="78"/>
      <c r="H3" s="78"/>
      <c r="I3" s="78"/>
      <c r="J3" s="78"/>
      <c r="K3" s="79"/>
    </row>
    <row r="4" spans="2:11" x14ac:dyDescent="0.25">
      <c r="B4" s="80"/>
      <c r="C4" s="81"/>
      <c r="D4" s="81"/>
      <c r="E4" s="81"/>
      <c r="F4" s="81"/>
      <c r="G4" s="81"/>
      <c r="H4" s="81"/>
      <c r="I4" s="81"/>
      <c r="J4" s="81"/>
      <c r="K4" s="82"/>
    </row>
    <row r="5" spans="2:11" x14ac:dyDescent="0.25">
      <c r="B5" s="80"/>
      <c r="C5" s="81"/>
      <c r="D5" s="81"/>
      <c r="E5" s="81"/>
      <c r="F5" s="81"/>
      <c r="G5" s="81"/>
      <c r="H5" s="81"/>
      <c r="I5" s="81"/>
      <c r="J5" s="81"/>
      <c r="K5" s="82"/>
    </row>
    <row r="6" spans="2:11" x14ac:dyDescent="0.25">
      <c r="B6" s="80"/>
      <c r="C6" s="81"/>
      <c r="D6" s="81"/>
      <c r="E6" s="81"/>
      <c r="F6" s="81"/>
      <c r="G6" s="81"/>
      <c r="H6" s="81"/>
      <c r="I6" s="81"/>
      <c r="J6" s="81"/>
      <c r="K6" s="82"/>
    </row>
    <row r="7" spans="2:11" x14ac:dyDescent="0.25">
      <c r="B7" s="80"/>
      <c r="C7" s="81"/>
      <c r="D7" s="81"/>
      <c r="E7" s="81"/>
      <c r="F7" s="81"/>
      <c r="G7" s="81"/>
      <c r="H7" s="81"/>
      <c r="I7" s="81"/>
      <c r="J7" s="81"/>
      <c r="K7" s="82"/>
    </row>
    <row r="8" spans="2:11" x14ac:dyDescent="0.25">
      <c r="B8" s="80"/>
      <c r="C8" s="81"/>
      <c r="D8" s="81"/>
      <c r="E8" s="81"/>
      <c r="F8" s="81"/>
      <c r="G8" s="81"/>
      <c r="H8" s="81"/>
      <c r="I8" s="81"/>
      <c r="J8" s="81"/>
      <c r="K8" s="82"/>
    </row>
    <row r="9" spans="2:11" x14ac:dyDescent="0.25">
      <c r="B9" s="80"/>
      <c r="C9" s="81"/>
      <c r="D9" s="81"/>
      <c r="E9" s="81"/>
      <c r="F9" s="81"/>
      <c r="G9" s="81"/>
      <c r="H9" s="81"/>
      <c r="I9" s="81"/>
      <c r="J9" s="81"/>
      <c r="K9" s="82"/>
    </row>
    <row r="10" spans="2:11" x14ac:dyDescent="0.25">
      <c r="B10" s="80"/>
      <c r="C10" s="81"/>
      <c r="D10" s="81"/>
      <c r="E10" s="81"/>
      <c r="F10" s="81"/>
      <c r="G10" s="81"/>
      <c r="H10" s="81"/>
      <c r="I10" s="81"/>
      <c r="J10" s="81"/>
      <c r="K10" s="82"/>
    </row>
    <row r="11" spans="2:11" x14ac:dyDescent="0.25">
      <c r="B11" s="80"/>
      <c r="C11" s="81"/>
      <c r="D11" s="81"/>
      <c r="E11" s="81"/>
      <c r="F11" s="81"/>
      <c r="G11" s="81"/>
      <c r="H11" s="81"/>
      <c r="I11" s="81"/>
      <c r="J11" s="81"/>
      <c r="K11" s="82"/>
    </row>
    <row r="12" spans="2:11" x14ac:dyDescent="0.25">
      <c r="B12" s="80"/>
      <c r="C12" s="81"/>
      <c r="D12" s="81"/>
      <c r="E12" s="81"/>
      <c r="F12" s="81"/>
      <c r="G12" s="81"/>
      <c r="H12" s="81"/>
      <c r="I12" s="81"/>
      <c r="J12" s="81"/>
      <c r="K12" s="82"/>
    </row>
    <row r="13" spans="2:11" x14ac:dyDescent="0.25">
      <c r="B13" s="80"/>
      <c r="C13" s="81"/>
      <c r="D13" s="81"/>
      <c r="E13" s="81"/>
      <c r="F13" s="81"/>
      <c r="G13" s="81"/>
      <c r="H13" s="81"/>
      <c r="I13" s="81"/>
      <c r="J13" s="81"/>
      <c r="K13" s="82"/>
    </row>
    <row r="14" spans="2:11" x14ac:dyDescent="0.25">
      <c r="B14" s="80"/>
      <c r="C14" s="81"/>
      <c r="D14" s="81"/>
      <c r="E14" s="81"/>
      <c r="F14" s="81"/>
      <c r="G14" s="81"/>
      <c r="H14" s="81"/>
      <c r="I14" s="81"/>
      <c r="J14" s="81"/>
      <c r="K14" s="82"/>
    </row>
    <row r="15" spans="2:11" x14ac:dyDescent="0.25">
      <c r="B15" s="80"/>
      <c r="C15" s="81"/>
      <c r="D15" s="81"/>
      <c r="E15" s="81"/>
      <c r="F15" s="81"/>
      <c r="G15" s="81"/>
      <c r="H15" s="81"/>
      <c r="I15" s="81"/>
      <c r="J15" s="81"/>
      <c r="K15" s="82"/>
    </row>
    <row r="16" spans="2:11" x14ac:dyDescent="0.25">
      <c r="B16" s="80"/>
      <c r="C16" s="81"/>
      <c r="D16" s="81"/>
      <c r="E16" s="81"/>
      <c r="F16" s="81"/>
      <c r="G16" s="81"/>
      <c r="H16" s="81"/>
      <c r="I16" s="81"/>
      <c r="J16" s="81"/>
      <c r="K16" s="82"/>
    </row>
    <row r="17" spans="2:11" x14ac:dyDescent="0.25">
      <c r="B17" s="80"/>
      <c r="C17" s="81"/>
      <c r="D17" s="81"/>
      <c r="E17" s="81"/>
      <c r="F17" s="81"/>
      <c r="G17" s="81"/>
      <c r="H17" s="81"/>
      <c r="I17" s="81"/>
      <c r="J17" s="81"/>
      <c r="K17" s="82"/>
    </row>
    <row r="18" spans="2:11" x14ac:dyDescent="0.25">
      <c r="B18" s="80"/>
      <c r="C18" s="81"/>
      <c r="D18" s="81"/>
      <c r="E18" s="81"/>
      <c r="F18" s="81"/>
      <c r="G18" s="81"/>
      <c r="H18" s="81"/>
      <c r="I18" s="81"/>
      <c r="J18" s="81"/>
      <c r="K18" s="82"/>
    </row>
    <row r="19" spans="2:11" x14ac:dyDescent="0.25">
      <c r="B19" s="80"/>
      <c r="C19" s="81"/>
      <c r="D19" s="81"/>
      <c r="E19" s="81"/>
      <c r="F19" s="81"/>
      <c r="G19" s="81"/>
      <c r="H19" s="81"/>
      <c r="I19" s="81"/>
      <c r="J19" s="81"/>
      <c r="K19" s="82"/>
    </row>
    <row r="20" spans="2:11" x14ac:dyDescent="0.25">
      <c r="B20" s="80"/>
      <c r="C20" s="81"/>
      <c r="D20" s="81"/>
      <c r="E20" s="81"/>
      <c r="F20" s="81"/>
      <c r="G20" s="81"/>
      <c r="H20" s="81"/>
      <c r="I20" s="81"/>
      <c r="J20" s="81"/>
      <c r="K20" s="82"/>
    </row>
    <row r="21" spans="2:11" x14ac:dyDescent="0.25">
      <c r="B21" s="80"/>
      <c r="C21" s="81"/>
      <c r="D21" s="81"/>
      <c r="E21" s="81"/>
      <c r="F21" s="81"/>
      <c r="G21" s="81"/>
      <c r="H21" s="81"/>
      <c r="I21" s="81"/>
      <c r="J21" s="81"/>
      <c r="K21" s="82"/>
    </row>
    <row r="22" spans="2:11" x14ac:dyDescent="0.25">
      <c r="B22" s="80"/>
      <c r="C22" s="81"/>
      <c r="D22" s="81"/>
      <c r="E22" s="81"/>
      <c r="F22" s="81"/>
      <c r="G22" s="81"/>
      <c r="H22" s="81"/>
      <c r="I22" s="81"/>
      <c r="J22" s="81"/>
      <c r="K22" s="82"/>
    </row>
    <row r="23" spans="2:11" x14ac:dyDescent="0.25">
      <c r="B23" s="80"/>
      <c r="C23" s="81"/>
      <c r="D23" s="81"/>
      <c r="E23" s="81"/>
      <c r="F23" s="81"/>
      <c r="G23" s="81"/>
      <c r="H23" s="81"/>
      <c r="I23" s="81"/>
      <c r="J23" s="81"/>
      <c r="K23" s="82"/>
    </row>
    <row r="24" spans="2:11" x14ac:dyDescent="0.25">
      <c r="B24" s="80"/>
      <c r="C24" s="81"/>
      <c r="D24" s="81"/>
      <c r="E24" s="81"/>
      <c r="F24" s="81"/>
      <c r="G24" s="81"/>
      <c r="H24" s="81"/>
      <c r="I24" s="81"/>
      <c r="J24" s="81"/>
      <c r="K24" s="82"/>
    </row>
    <row r="25" spans="2:11" x14ac:dyDescent="0.25">
      <c r="B25" s="83"/>
      <c r="C25" s="84"/>
      <c r="D25" s="84"/>
      <c r="E25" s="84"/>
      <c r="F25" s="84"/>
      <c r="G25" s="84"/>
      <c r="H25" s="84"/>
      <c r="I25" s="84"/>
      <c r="J25" s="84"/>
      <c r="K25" s="85"/>
    </row>
  </sheetData>
  <mergeCells count="1">
    <mergeCell ref="B3:K25"/>
  </mergeCells>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36"/>
  <sheetViews>
    <sheetView workbookViewId="0">
      <pane ySplit="2" topLeftCell="A3" activePane="bottomLeft" state="frozen"/>
      <selection pane="bottomLeft" sqref="A1:H1"/>
    </sheetView>
  </sheetViews>
  <sheetFormatPr defaultColWidth="9.140625" defaultRowHeight="15" x14ac:dyDescent="0.25"/>
  <cols>
    <col min="1" max="1" width="14" style="23" bestFit="1" customWidth="1"/>
    <col min="2" max="3" width="13.7109375" style="23" bestFit="1" customWidth="1"/>
    <col min="4" max="5" width="18.140625" style="23" bestFit="1" customWidth="1"/>
    <col min="6" max="6" width="65.7109375" style="23" bestFit="1" customWidth="1"/>
    <col min="7" max="7" width="36.7109375" style="23" bestFit="1" customWidth="1"/>
    <col min="8" max="8" width="65.5703125" style="23" bestFit="1" customWidth="1"/>
    <col min="9" max="16384" width="9.140625" style="23"/>
  </cols>
  <sheetData>
    <row r="1" spans="1:8" ht="39.950000000000003" customHeight="1" x14ac:dyDescent="0.25">
      <c r="A1" s="86" t="s">
        <v>379</v>
      </c>
      <c r="B1" s="87"/>
      <c r="C1" s="87"/>
      <c r="D1" s="87"/>
      <c r="E1" s="87"/>
      <c r="F1" s="87"/>
      <c r="G1" s="87"/>
      <c r="H1" s="87"/>
    </row>
    <row r="2" spans="1:8" ht="28.5" customHeight="1" x14ac:dyDescent="0.25">
      <c r="A2" s="31" t="s">
        <v>361</v>
      </c>
      <c r="B2" s="31" t="s">
        <v>362</v>
      </c>
      <c r="C2" s="31" t="s">
        <v>363</v>
      </c>
      <c r="D2" s="31" t="s">
        <v>378</v>
      </c>
      <c r="E2" s="31" t="s">
        <v>376</v>
      </c>
      <c r="F2" s="32" t="s">
        <v>22</v>
      </c>
      <c r="G2" s="31" t="s">
        <v>377</v>
      </c>
      <c r="H2" s="32" t="s">
        <v>23</v>
      </c>
    </row>
    <row r="3" spans="1:8" ht="15" customHeight="1" x14ac:dyDescent="0.25">
      <c r="A3" s="41" t="s">
        <v>359</v>
      </c>
      <c r="B3" s="41" t="s">
        <v>216</v>
      </c>
      <c r="C3" s="41" t="s">
        <v>217</v>
      </c>
      <c r="D3" s="42" t="s">
        <v>0</v>
      </c>
      <c r="E3" s="24">
        <v>100</v>
      </c>
      <c r="F3" s="43" t="s">
        <v>0</v>
      </c>
      <c r="G3" s="35" t="s">
        <v>230</v>
      </c>
      <c r="H3" s="25" t="s">
        <v>38</v>
      </c>
    </row>
    <row r="4" spans="1:8" ht="15" customHeight="1" x14ac:dyDescent="0.25">
      <c r="A4" s="41" t="s">
        <v>359</v>
      </c>
      <c r="B4" s="41" t="s">
        <v>216</v>
      </c>
      <c r="C4" s="41" t="s">
        <v>217</v>
      </c>
      <c r="D4" s="42" t="s">
        <v>1</v>
      </c>
      <c r="E4" s="24">
        <v>101</v>
      </c>
      <c r="F4" s="43" t="s">
        <v>118</v>
      </c>
      <c r="G4" s="35" t="s">
        <v>231</v>
      </c>
      <c r="H4" s="41" t="s">
        <v>37</v>
      </c>
    </row>
    <row r="5" spans="1:8" ht="15" customHeight="1" x14ac:dyDescent="0.25">
      <c r="A5" s="41" t="s">
        <v>359</v>
      </c>
      <c r="B5" s="41" t="s">
        <v>216</v>
      </c>
      <c r="C5" s="41" t="s">
        <v>217</v>
      </c>
      <c r="D5" s="42" t="s">
        <v>4</v>
      </c>
      <c r="E5" s="24">
        <v>111</v>
      </c>
      <c r="F5" s="43" t="s">
        <v>4</v>
      </c>
      <c r="G5" s="35" t="s">
        <v>230</v>
      </c>
      <c r="H5" s="25" t="s">
        <v>38</v>
      </c>
    </row>
    <row r="6" spans="1:8" ht="15" customHeight="1" x14ac:dyDescent="0.25">
      <c r="A6" s="41" t="s">
        <v>359</v>
      </c>
      <c r="B6" s="41" t="s">
        <v>216</v>
      </c>
      <c r="C6" s="41" t="s">
        <v>217</v>
      </c>
      <c r="D6" s="42" t="s">
        <v>4</v>
      </c>
      <c r="E6" s="24">
        <v>112</v>
      </c>
      <c r="F6" s="43" t="s">
        <v>6</v>
      </c>
      <c r="G6" s="25" t="s">
        <v>232</v>
      </c>
      <c r="H6" s="41" t="s">
        <v>6</v>
      </c>
    </row>
    <row r="7" spans="1:8" ht="15" customHeight="1" x14ac:dyDescent="0.25">
      <c r="A7" s="41" t="s">
        <v>359</v>
      </c>
      <c r="B7" s="41" t="s">
        <v>216</v>
      </c>
      <c r="C7" s="41" t="s">
        <v>217</v>
      </c>
      <c r="D7" s="42" t="s">
        <v>4</v>
      </c>
      <c r="E7" s="24">
        <v>113</v>
      </c>
      <c r="F7" s="43" t="s">
        <v>24</v>
      </c>
      <c r="G7" s="67" t="s">
        <v>233</v>
      </c>
      <c r="H7" s="25" t="s">
        <v>401</v>
      </c>
    </row>
    <row r="8" spans="1:8" ht="15" customHeight="1" x14ac:dyDescent="0.25">
      <c r="A8" s="41" t="s">
        <v>359</v>
      </c>
      <c r="B8" s="41" t="s">
        <v>216</v>
      </c>
      <c r="C8" s="41" t="s">
        <v>217</v>
      </c>
      <c r="D8" s="42" t="s">
        <v>4</v>
      </c>
      <c r="E8" s="24">
        <v>114</v>
      </c>
      <c r="F8" s="43" t="s">
        <v>25</v>
      </c>
      <c r="G8" s="68" t="s">
        <v>389</v>
      </c>
      <c r="H8" s="25" t="s">
        <v>395</v>
      </c>
    </row>
    <row r="9" spans="1:8" ht="15" customHeight="1" x14ac:dyDescent="0.25">
      <c r="A9" s="41" t="s">
        <v>359</v>
      </c>
      <c r="B9" s="41" t="s">
        <v>216</v>
      </c>
      <c r="C9" s="41" t="s">
        <v>217</v>
      </c>
      <c r="D9" s="42" t="s">
        <v>4</v>
      </c>
      <c r="E9" s="24">
        <v>116</v>
      </c>
      <c r="F9" s="43" t="s">
        <v>26</v>
      </c>
      <c r="G9" s="25" t="s">
        <v>230</v>
      </c>
      <c r="H9" s="25" t="s">
        <v>38</v>
      </c>
    </row>
    <row r="10" spans="1:8" ht="15" customHeight="1" x14ac:dyDescent="0.25">
      <c r="A10" s="41" t="s">
        <v>359</v>
      </c>
      <c r="B10" s="41" t="s">
        <v>216</v>
      </c>
      <c r="C10" s="41" t="s">
        <v>217</v>
      </c>
      <c r="D10" s="42" t="s">
        <v>4</v>
      </c>
      <c r="E10" s="24">
        <v>120</v>
      </c>
      <c r="F10" s="43" t="s">
        <v>9</v>
      </c>
      <c r="G10" s="68" t="s">
        <v>230</v>
      </c>
      <c r="H10" s="25" t="s">
        <v>38</v>
      </c>
    </row>
    <row r="11" spans="1:8" ht="15" customHeight="1" x14ac:dyDescent="0.25">
      <c r="A11" s="41" t="s">
        <v>359</v>
      </c>
      <c r="B11" s="41" t="s">
        <v>216</v>
      </c>
      <c r="C11" s="41" t="s">
        <v>217</v>
      </c>
      <c r="D11" s="42" t="s">
        <v>10</v>
      </c>
      <c r="E11" s="24">
        <v>131</v>
      </c>
      <c r="F11" s="43" t="s">
        <v>27</v>
      </c>
      <c r="G11" s="25" t="s">
        <v>234</v>
      </c>
      <c r="H11" s="41" t="s">
        <v>40</v>
      </c>
    </row>
    <row r="12" spans="1:8" ht="15" customHeight="1" x14ac:dyDescent="0.25">
      <c r="A12" s="41" t="s">
        <v>359</v>
      </c>
      <c r="B12" s="41" t="s">
        <v>216</v>
      </c>
      <c r="C12" s="41" t="s">
        <v>217</v>
      </c>
      <c r="D12" s="42" t="s">
        <v>10</v>
      </c>
      <c r="E12" s="24">
        <v>132</v>
      </c>
      <c r="F12" s="43" t="s">
        <v>28</v>
      </c>
      <c r="G12" s="25" t="s">
        <v>235</v>
      </c>
      <c r="H12" s="41" t="s">
        <v>365</v>
      </c>
    </row>
    <row r="13" spans="1:8" ht="15" customHeight="1" x14ac:dyDescent="0.25">
      <c r="A13" s="41" t="s">
        <v>359</v>
      </c>
      <c r="B13" s="41" t="s">
        <v>216</v>
      </c>
      <c r="C13" s="41" t="s">
        <v>217</v>
      </c>
      <c r="D13" s="42" t="s">
        <v>10</v>
      </c>
      <c r="E13" s="24">
        <v>133</v>
      </c>
      <c r="F13" s="43" t="s">
        <v>29</v>
      </c>
      <c r="G13" s="25" t="s">
        <v>235</v>
      </c>
      <c r="H13" s="41" t="s">
        <v>365</v>
      </c>
    </row>
    <row r="14" spans="1:8" ht="15" customHeight="1" x14ac:dyDescent="0.25">
      <c r="A14" s="41" t="s">
        <v>359</v>
      </c>
      <c r="B14" s="41" t="s">
        <v>216</v>
      </c>
      <c r="C14" s="41" t="s">
        <v>217</v>
      </c>
      <c r="D14" s="42" t="s">
        <v>10</v>
      </c>
      <c r="E14" s="24">
        <v>134</v>
      </c>
      <c r="F14" s="45" t="s">
        <v>119</v>
      </c>
      <c r="G14" s="68" t="s">
        <v>390</v>
      </c>
      <c r="H14" s="41" t="s">
        <v>396</v>
      </c>
    </row>
    <row r="15" spans="1:8" ht="15" customHeight="1" x14ac:dyDescent="0.25">
      <c r="A15" s="41" t="s">
        <v>359</v>
      </c>
      <c r="B15" s="41" t="s">
        <v>216</v>
      </c>
      <c r="C15" s="41" t="s">
        <v>217</v>
      </c>
      <c r="D15" s="42" t="s">
        <v>10</v>
      </c>
      <c r="E15" s="24">
        <v>135</v>
      </c>
      <c r="F15" s="45" t="s">
        <v>120</v>
      </c>
      <c r="G15" s="68" t="s">
        <v>234</v>
      </c>
      <c r="H15" s="41" t="s">
        <v>40</v>
      </c>
    </row>
    <row r="16" spans="1:8" ht="15" customHeight="1" x14ac:dyDescent="0.25">
      <c r="A16" s="41" t="s">
        <v>359</v>
      </c>
      <c r="B16" s="41" t="s">
        <v>216</v>
      </c>
      <c r="C16" s="41" t="s">
        <v>217</v>
      </c>
      <c r="D16" s="42" t="s">
        <v>10</v>
      </c>
      <c r="E16" s="24">
        <v>137</v>
      </c>
      <c r="F16" s="43" t="s">
        <v>30</v>
      </c>
      <c r="G16" s="25" t="s">
        <v>236</v>
      </c>
      <c r="H16" s="41" t="s">
        <v>42</v>
      </c>
    </row>
    <row r="17" spans="1:8" ht="15" customHeight="1" x14ac:dyDescent="0.25">
      <c r="A17" s="41" t="s">
        <v>359</v>
      </c>
      <c r="B17" s="41" t="s">
        <v>216</v>
      </c>
      <c r="C17" s="41" t="s">
        <v>217</v>
      </c>
      <c r="D17" s="42" t="s">
        <v>10</v>
      </c>
      <c r="E17" s="24">
        <v>138</v>
      </c>
      <c r="F17" s="43" t="s">
        <v>121</v>
      </c>
      <c r="G17" s="25" t="s">
        <v>236</v>
      </c>
      <c r="H17" s="41" t="s">
        <v>42</v>
      </c>
    </row>
    <row r="18" spans="1:8" ht="15" customHeight="1" x14ac:dyDescent="0.25">
      <c r="A18" s="41" t="s">
        <v>359</v>
      </c>
      <c r="B18" s="41" t="s">
        <v>216</v>
      </c>
      <c r="C18" s="41" t="s">
        <v>217</v>
      </c>
      <c r="D18" s="42" t="s">
        <v>10</v>
      </c>
      <c r="E18" s="24">
        <v>139</v>
      </c>
      <c r="F18" s="43" t="s">
        <v>31</v>
      </c>
      <c r="G18" s="68" t="s">
        <v>234</v>
      </c>
      <c r="H18" s="41" t="s">
        <v>40</v>
      </c>
    </row>
    <row r="19" spans="1:8" ht="15" customHeight="1" x14ac:dyDescent="0.25">
      <c r="A19" s="41" t="s">
        <v>359</v>
      </c>
      <c r="B19" s="41" t="s">
        <v>216</v>
      </c>
      <c r="C19" s="41" t="s">
        <v>217</v>
      </c>
      <c r="D19" s="42" t="s">
        <v>10</v>
      </c>
      <c r="E19" s="24">
        <v>140</v>
      </c>
      <c r="F19" s="43" t="s">
        <v>32</v>
      </c>
      <c r="G19" s="25" t="s">
        <v>234</v>
      </c>
      <c r="H19" s="41" t="s">
        <v>40</v>
      </c>
    </row>
    <row r="20" spans="1:8" ht="15" customHeight="1" x14ac:dyDescent="0.25">
      <c r="A20" s="41" t="s">
        <v>359</v>
      </c>
      <c r="B20" s="41" t="s">
        <v>216</v>
      </c>
      <c r="C20" s="41" t="s">
        <v>217</v>
      </c>
      <c r="D20" s="42" t="s">
        <v>14</v>
      </c>
      <c r="E20" s="24">
        <v>151</v>
      </c>
      <c r="F20" s="43" t="s">
        <v>14</v>
      </c>
      <c r="G20" s="25" t="s">
        <v>237</v>
      </c>
      <c r="H20" s="25" t="s">
        <v>43</v>
      </c>
    </row>
    <row r="21" spans="1:8" ht="15" customHeight="1" x14ac:dyDescent="0.25">
      <c r="A21" s="41" t="s">
        <v>359</v>
      </c>
      <c r="B21" s="41" t="s">
        <v>216</v>
      </c>
      <c r="C21" s="41" t="s">
        <v>217</v>
      </c>
      <c r="D21" s="42" t="s">
        <v>14</v>
      </c>
      <c r="E21" s="24">
        <v>152</v>
      </c>
      <c r="F21" s="43" t="s">
        <v>33</v>
      </c>
      <c r="G21" s="25" t="s">
        <v>238</v>
      </c>
      <c r="H21" s="41" t="s">
        <v>44</v>
      </c>
    </row>
    <row r="22" spans="1:8" ht="15" customHeight="1" x14ac:dyDescent="0.25">
      <c r="A22" s="41" t="s">
        <v>359</v>
      </c>
      <c r="B22" s="41" t="s">
        <v>216</v>
      </c>
      <c r="C22" s="41" t="s">
        <v>217</v>
      </c>
      <c r="D22" s="42" t="s">
        <v>14</v>
      </c>
      <c r="E22" s="24">
        <v>153</v>
      </c>
      <c r="F22" s="43" t="s">
        <v>34</v>
      </c>
      <c r="G22" s="35" t="s">
        <v>239</v>
      </c>
      <c r="H22" s="41" t="s">
        <v>45</v>
      </c>
    </row>
    <row r="23" spans="1:8" ht="15" customHeight="1" x14ac:dyDescent="0.25">
      <c r="A23" s="41" t="s">
        <v>359</v>
      </c>
      <c r="B23" s="41" t="s">
        <v>216</v>
      </c>
      <c r="C23" s="41" t="s">
        <v>217</v>
      </c>
      <c r="D23" s="42" t="s">
        <v>14</v>
      </c>
      <c r="E23" s="24">
        <v>154</v>
      </c>
      <c r="F23" s="45" t="s">
        <v>122</v>
      </c>
      <c r="G23" s="25" t="s">
        <v>237</v>
      </c>
      <c r="H23" s="25" t="s">
        <v>43</v>
      </c>
    </row>
    <row r="24" spans="1:8" ht="15" customHeight="1" x14ac:dyDescent="0.25">
      <c r="A24" s="41" t="s">
        <v>359</v>
      </c>
      <c r="B24" s="41" t="s">
        <v>216</v>
      </c>
      <c r="C24" s="41" t="s">
        <v>217</v>
      </c>
      <c r="D24" s="42" t="s">
        <v>14</v>
      </c>
      <c r="E24" s="24">
        <v>155</v>
      </c>
      <c r="F24" s="45" t="s">
        <v>123</v>
      </c>
      <c r="G24" s="25" t="s">
        <v>237</v>
      </c>
      <c r="H24" s="25" t="s">
        <v>43</v>
      </c>
    </row>
    <row r="25" spans="1:8" ht="15" customHeight="1" x14ac:dyDescent="0.25">
      <c r="A25" s="41" t="s">
        <v>359</v>
      </c>
      <c r="B25" s="41" t="s">
        <v>216</v>
      </c>
      <c r="C25" s="41" t="s">
        <v>217</v>
      </c>
      <c r="D25" s="42" t="s">
        <v>14</v>
      </c>
      <c r="E25" s="24">
        <v>156</v>
      </c>
      <c r="F25" s="43" t="s">
        <v>17</v>
      </c>
      <c r="G25" s="25" t="s">
        <v>237</v>
      </c>
      <c r="H25" s="25" t="s">
        <v>43</v>
      </c>
    </row>
    <row r="26" spans="1:8" ht="15" customHeight="1" x14ac:dyDescent="0.25">
      <c r="A26" s="41" t="s">
        <v>359</v>
      </c>
      <c r="B26" s="41" t="s">
        <v>216</v>
      </c>
      <c r="C26" s="41" t="s">
        <v>217</v>
      </c>
      <c r="D26" s="42" t="s">
        <v>14</v>
      </c>
      <c r="E26" s="24">
        <v>157</v>
      </c>
      <c r="F26" s="43" t="s">
        <v>35</v>
      </c>
      <c r="G26" s="25" t="s">
        <v>237</v>
      </c>
      <c r="H26" s="25" t="s">
        <v>43</v>
      </c>
    </row>
    <row r="27" spans="1:8" ht="15" customHeight="1" x14ac:dyDescent="0.25">
      <c r="A27" s="41" t="s">
        <v>359</v>
      </c>
      <c r="B27" s="41" t="s">
        <v>216</v>
      </c>
      <c r="C27" s="41" t="s">
        <v>217</v>
      </c>
      <c r="D27" s="42" t="s">
        <v>14</v>
      </c>
      <c r="E27" s="24">
        <v>158</v>
      </c>
      <c r="F27" s="43" t="s">
        <v>36</v>
      </c>
      <c r="G27" s="25" t="s">
        <v>240</v>
      </c>
      <c r="H27" s="25" t="s">
        <v>46</v>
      </c>
    </row>
    <row r="28" spans="1:8" ht="15" customHeight="1" x14ac:dyDescent="0.25">
      <c r="A28" s="41" t="s">
        <v>359</v>
      </c>
      <c r="B28" s="41" t="s">
        <v>216</v>
      </c>
      <c r="C28" s="41" t="s">
        <v>217</v>
      </c>
      <c r="D28" s="42" t="s">
        <v>14</v>
      </c>
      <c r="E28" s="24">
        <v>159</v>
      </c>
      <c r="F28" s="45" t="s">
        <v>124</v>
      </c>
      <c r="G28" s="25" t="s">
        <v>240</v>
      </c>
      <c r="H28" s="25" t="s">
        <v>46</v>
      </c>
    </row>
    <row r="29" spans="1:8" ht="15" customHeight="1" x14ac:dyDescent="0.25">
      <c r="A29" s="41" t="s">
        <v>359</v>
      </c>
      <c r="B29" s="41" t="s">
        <v>216</v>
      </c>
      <c r="C29" s="41" t="s">
        <v>217</v>
      </c>
      <c r="D29" s="42" t="s">
        <v>125</v>
      </c>
      <c r="E29" s="24">
        <v>204</v>
      </c>
      <c r="F29" s="43" t="s">
        <v>126</v>
      </c>
      <c r="G29" s="35" t="s">
        <v>241</v>
      </c>
      <c r="H29" s="25" t="s">
        <v>47</v>
      </c>
    </row>
    <row r="30" spans="1:8" ht="15" customHeight="1" x14ac:dyDescent="0.25">
      <c r="A30" s="41" t="s">
        <v>359</v>
      </c>
      <c r="B30" s="41" t="s">
        <v>216</v>
      </c>
      <c r="C30" s="41" t="s">
        <v>217</v>
      </c>
      <c r="D30" s="42" t="s">
        <v>125</v>
      </c>
      <c r="E30" s="24">
        <v>205</v>
      </c>
      <c r="F30" s="43" t="s">
        <v>127</v>
      </c>
      <c r="G30" s="35" t="s">
        <v>241</v>
      </c>
      <c r="H30" s="25" t="s">
        <v>47</v>
      </c>
    </row>
    <row r="31" spans="1:8" ht="15" customHeight="1" x14ac:dyDescent="0.25">
      <c r="A31" s="41" t="s">
        <v>359</v>
      </c>
      <c r="B31" s="41" t="s">
        <v>216</v>
      </c>
      <c r="C31" s="41" t="s">
        <v>217</v>
      </c>
      <c r="D31" s="42" t="s">
        <v>125</v>
      </c>
      <c r="E31" s="24">
        <v>206</v>
      </c>
      <c r="F31" s="43" t="s">
        <v>128</v>
      </c>
      <c r="G31" s="35" t="s">
        <v>241</v>
      </c>
      <c r="H31" s="25" t="s">
        <v>47</v>
      </c>
    </row>
    <row r="32" spans="1:8" ht="15" customHeight="1" x14ac:dyDescent="0.25">
      <c r="A32" s="41" t="s">
        <v>359</v>
      </c>
      <c r="B32" s="41" t="s">
        <v>216</v>
      </c>
      <c r="C32" s="41" t="s">
        <v>217</v>
      </c>
      <c r="D32" s="42" t="s">
        <v>129</v>
      </c>
      <c r="E32" s="24">
        <v>211</v>
      </c>
      <c r="F32" s="43" t="s">
        <v>130</v>
      </c>
      <c r="G32" s="35" t="s">
        <v>241</v>
      </c>
      <c r="H32" s="25" t="s">
        <v>47</v>
      </c>
    </row>
    <row r="33" spans="1:8" ht="15" customHeight="1" x14ac:dyDescent="0.25">
      <c r="A33" s="41" t="s">
        <v>359</v>
      </c>
      <c r="B33" s="41" t="s">
        <v>216</v>
      </c>
      <c r="C33" s="41" t="s">
        <v>217</v>
      </c>
      <c r="D33" s="42" t="s">
        <v>129</v>
      </c>
      <c r="E33" s="24">
        <v>212</v>
      </c>
      <c r="F33" s="43" t="s">
        <v>131</v>
      </c>
      <c r="G33" s="35" t="s">
        <v>241</v>
      </c>
      <c r="H33" s="25" t="s">
        <v>47</v>
      </c>
    </row>
    <row r="34" spans="1:8" ht="15" customHeight="1" x14ac:dyDescent="0.25">
      <c r="A34" s="41" t="s">
        <v>359</v>
      </c>
      <c r="B34" s="41" t="s">
        <v>216</v>
      </c>
      <c r="C34" s="41" t="s">
        <v>217</v>
      </c>
      <c r="D34" s="42" t="s">
        <v>132</v>
      </c>
      <c r="E34" s="24">
        <v>231</v>
      </c>
      <c r="F34" s="43" t="s">
        <v>133</v>
      </c>
      <c r="G34" s="35" t="s">
        <v>241</v>
      </c>
      <c r="H34" s="25" t="s">
        <v>47</v>
      </c>
    </row>
    <row r="35" spans="1:8" ht="15" customHeight="1" x14ac:dyDescent="0.25">
      <c r="A35" s="41" t="s">
        <v>359</v>
      </c>
      <c r="B35" s="41" t="s">
        <v>216</v>
      </c>
      <c r="C35" s="41" t="s">
        <v>217</v>
      </c>
      <c r="D35" s="42" t="s">
        <v>132</v>
      </c>
      <c r="E35" s="24">
        <v>232</v>
      </c>
      <c r="F35" s="43" t="s">
        <v>134</v>
      </c>
      <c r="G35" s="35" t="s">
        <v>241</v>
      </c>
      <c r="H35" s="25" t="s">
        <v>47</v>
      </c>
    </row>
    <row r="36" spans="1:8" ht="15" customHeight="1" x14ac:dyDescent="0.25">
      <c r="A36" s="41" t="s">
        <v>359</v>
      </c>
      <c r="B36" s="41" t="s">
        <v>216</v>
      </c>
      <c r="C36" s="41" t="s">
        <v>217</v>
      </c>
      <c r="D36" s="42" t="s">
        <v>132</v>
      </c>
      <c r="E36" s="24">
        <v>233</v>
      </c>
      <c r="F36" s="43" t="s">
        <v>135</v>
      </c>
      <c r="G36" s="35" t="s">
        <v>241</v>
      </c>
      <c r="H36" s="25" t="s">
        <v>47</v>
      </c>
    </row>
    <row r="37" spans="1:8" ht="15" customHeight="1" x14ac:dyDescent="0.25">
      <c r="A37" s="41" t="s">
        <v>359</v>
      </c>
      <c r="B37" s="41" t="s">
        <v>216</v>
      </c>
      <c r="C37" s="41" t="s">
        <v>217</v>
      </c>
      <c r="D37" s="42" t="s">
        <v>136</v>
      </c>
      <c r="E37" s="24">
        <v>234</v>
      </c>
      <c r="F37" s="43" t="s">
        <v>137</v>
      </c>
      <c r="G37" s="35" t="s">
        <v>241</v>
      </c>
      <c r="H37" s="25" t="s">
        <v>47</v>
      </c>
    </row>
    <row r="38" spans="1:8" ht="15" customHeight="1" x14ac:dyDescent="0.25">
      <c r="A38" s="41" t="s">
        <v>359</v>
      </c>
      <c r="B38" s="41" t="s">
        <v>216</v>
      </c>
      <c r="C38" s="41" t="s">
        <v>217</v>
      </c>
      <c r="D38" s="42" t="s">
        <v>136</v>
      </c>
      <c r="E38" s="24">
        <v>235</v>
      </c>
      <c r="F38" s="43" t="s">
        <v>138</v>
      </c>
      <c r="G38" s="35" t="s">
        <v>241</v>
      </c>
      <c r="H38" s="25" t="s">
        <v>47</v>
      </c>
    </row>
    <row r="39" spans="1:8" ht="15" customHeight="1" x14ac:dyDescent="0.25">
      <c r="A39" s="41" t="s">
        <v>359</v>
      </c>
      <c r="B39" s="41" t="s">
        <v>216</v>
      </c>
      <c r="C39" s="41" t="s">
        <v>217</v>
      </c>
      <c r="D39" s="42" t="s">
        <v>136</v>
      </c>
      <c r="E39" s="24">
        <v>236</v>
      </c>
      <c r="F39" s="43" t="s">
        <v>139</v>
      </c>
      <c r="G39" s="35" t="s">
        <v>241</v>
      </c>
      <c r="H39" s="25" t="s">
        <v>47</v>
      </c>
    </row>
    <row r="40" spans="1:8" ht="15" customHeight="1" x14ac:dyDescent="0.25">
      <c r="A40" s="41" t="s">
        <v>359</v>
      </c>
      <c r="B40" s="41" t="s">
        <v>216</v>
      </c>
      <c r="C40" s="41" t="s">
        <v>217</v>
      </c>
      <c r="D40" s="42" t="s">
        <v>136</v>
      </c>
      <c r="E40" s="24">
        <v>237</v>
      </c>
      <c r="F40" s="43" t="s">
        <v>140</v>
      </c>
      <c r="G40" s="35" t="s">
        <v>241</v>
      </c>
      <c r="H40" s="25" t="s">
        <v>47</v>
      </c>
    </row>
    <row r="41" spans="1:8" ht="15" customHeight="1" x14ac:dyDescent="0.25">
      <c r="A41" s="41" t="s">
        <v>359</v>
      </c>
      <c r="B41" s="41" t="s">
        <v>216</v>
      </c>
      <c r="C41" s="41" t="s">
        <v>217</v>
      </c>
      <c r="D41" s="42" t="s">
        <v>136</v>
      </c>
      <c r="E41" s="24">
        <v>238</v>
      </c>
      <c r="F41" s="43" t="s">
        <v>141</v>
      </c>
      <c r="G41" s="35" t="s">
        <v>241</v>
      </c>
      <c r="H41" s="25" t="s">
        <v>47</v>
      </c>
    </row>
    <row r="42" spans="1:8" ht="15" customHeight="1" x14ac:dyDescent="0.25">
      <c r="A42" s="41" t="s">
        <v>359</v>
      </c>
      <c r="B42" s="41" t="s">
        <v>216</v>
      </c>
      <c r="C42" s="41" t="s">
        <v>217</v>
      </c>
      <c r="D42" s="42" t="s">
        <v>142</v>
      </c>
      <c r="E42" s="24">
        <v>241</v>
      </c>
      <c r="F42" s="43" t="s">
        <v>143</v>
      </c>
      <c r="G42" s="35" t="s">
        <v>241</v>
      </c>
      <c r="H42" s="25" t="s">
        <v>47</v>
      </c>
    </row>
    <row r="43" spans="1:8" ht="15" customHeight="1" x14ac:dyDescent="0.25">
      <c r="A43" s="41" t="s">
        <v>359</v>
      </c>
      <c r="B43" s="41" t="s">
        <v>216</v>
      </c>
      <c r="C43" s="41" t="s">
        <v>217</v>
      </c>
      <c r="D43" s="42" t="s">
        <v>142</v>
      </c>
      <c r="E43" s="24">
        <v>242</v>
      </c>
      <c r="F43" s="43" t="s">
        <v>144</v>
      </c>
      <c r="G43" s="35" t="s">
        <v>241</v>
      </c>
      <c r="H43" s="25" t="s">
        <v>47</v>
      </c>
    </row>
    <row r="44" spans="1:8" ht="15" customHeight="1" x14ac:dyDescent="0.25">
      <c r="A44" s="41" t="s">
        <v>359</v>
      </c>
      <c r="B44" s="41" t="s">
        <v>216</v>
      </c>
      <c r="C44" s="41" t="s">
        <v>217</v>
      </c>
      <c r="D44" s="42" t="s">
        <v>142</v>
      </c>
      <c r="E44" s="24">
        <v>243</v>
      </c>
      <c r="F44" s="43" t="s">
        <v>145</v>
      </c>
      <c r="G44" s="35" t="s">
        <v>241</v>
      </c>
      <c r="H44" s="25" t="s">
        <v>47</v>
      </c>
    </row>
    <row r="45" spans="1:8" ht="15" customHeight="1" x14ac:dyDescent="0.25">
      <c r="A45" s="41" t="s">
        <v>359</v>
      </c>
      <c r="B45" s="41" t="s">
        <v>216</v>
      </c>
      <c r="C45" s="41" t="s">
        <v>217</v>
      </c>
      <c r="D45" s="42" t="s">
        <v>142</v>
      </c>
      <c r="E45" s="24">
        <v>244</v>
      </c>
      <c r="F45" s="43" t="s">
        <v>146</v>
      </c>
      <c r="G45" s="35" t="s">
        <v>241</v>
      </c>
      <c r="H45" s="25" t="s">
        <v>47</v>
      </c>
    </row>
    <row r="46" spans="1:8" ht="15" customHeight="1" x14ac:dyDescent="0.25">
      <c r="A46" s="41" t="s">
        <v>359</v>
      </c>
      <c r="B46" s="41" t="s">
        <v>216</v>
      </c>
      <c r="C46" s="41" t="s">
        <v>217</v>
      </c>
      <c r="D46" s="42" t="s">
        <v>142</v>
      </c>
      <c r="E46" s="24">
        <v>245</v>
      </c>
      <c r="F46" s="43" t="s">
        <v>147</v>
      </c>
      <c r="G46" s="35" t="s">
        <v>241</v>
      </c>
      <c r="H46" s="25" t="s">
        <v>47</v>
      </c>
    </row>
    <row r="47" spans="1:8" ht="15" customHeight="1" x14ac:dyDescent="0.25">
      <c r="A47" s="41" t="s">
        <v>359</v>
      </c>
      <c r="B47" s="41" t="s">
        <v>216</v>
      </c>
      <c r="C47" s="41" t="s">
        <v>217</v>
      </c>
      <c r="D47" s="42" t="s">
        <v>142</v>
      </c>
      <c r="E47" s="24">
        <v>246</v>
      </c>
      <c r="F47" s="43" t="s">
        <v>148</v>
      </c>
      <c r="G47" s="35" t="s">
        <v>241</v>
      </c>
      <c r="H47" s="25" t="s">
        <v>47</v>
      </c>
    </row>
    <row r="48" spans="1:8" ht="15" customHeight="1" x14ac:dyDescent="0.25">
      <c r="A48" s="41" t="s">
        <v>359</v>
      </c>
      <c r="B48" s="41" t="s">
        <v>216</v>
      </c>
      <c r="C48" s="41" t="s">
        <v>217</v>
      </c>
      <c r="D48" s="42" t="s">
        <v>74</v>
      </c>
      <c r="E48" s="24">
        <v>251</v>
      </c>
      <c r="F48" s="43" t="s">
        <v>149</v>
      </c>
      <c r="G48" s="35" t="s">
        <v>241</v>
      </c>
      <c r="H48" s="25" t="s">
        <v>47</v>
      </c>
    </row>
    <row r="49" spans="1:8" ht="15" customHeight="1" x14ac:dyDescent="0.25">
      <c r="A49" s="41" t="s">
        <v>359</v>
      </c>
      <c r="B49" s="41" t="s">
        <v>216</v>
      </c>
      <c r="C49" s="41" t="s">
        <v>217</v>
      </c>
      <c r="D49" s="42" t="s">
        <v>74</v>
      </c>
      <c r="E49" s="24">
        <v>252</v>
      </c>
      <c r="F49" s="43" t="s">
        <v>150</v>
      </c>
      <c r="G49" s="35" t="s">
        <v>241</v>
      </c>
      <c r="H49" s="25" t="s">
        <v>47</v>
      </c>
    </row>
    <row r="50" spans="1:8" ht="15" customHeight="1" x14ac:dyDescent="0.25">
      <c r="A50" s="41" t="s">
        <v>359</v>
      </c>
      <c r="B50" s="41" t="s">
        <v>216</v>
      </c>
      <c r="C50" s="41" t="s">
        <v>217</v>
      </c>
      <c r="D50" s="42" t="s">
        <v>74</v>
      </c>
      <c r="E50" s="24">
        <v>253</v>
      </c>
      <c r="F50" s="43" t="s">
        <v>151</v>
      </c>
      <c r="G50" s="35" t="s">
        <v>241</v>
      </c>
      <c r="H50" s="25" t="s">
        <v>47</v>
      </c>
    </row>
    <row r="51" spans="1:8" ht="15" customHeight="1" x14ac:dyDescent="0.25">
      <c r="A51" s="41" t="s">
        <v>359</v>
      </c>
      <c r="B51" s="41" t="s">
        <v>216</v>
      </c>
      <c r="C51" s="41" t="s">
        <v>217</v>
      </c>
      <c r="D51" s="42" t="s">
        <v>74</v>
      </c>
      <c r="E51" s="24">
        <v>254</v>
      </c>
      <c r="F51" s="43" t="s">
        <v>152</v>
      </c>
      <c r="G51" s="35" t="s">
        <v>241</v>
      </c>
      <c r="H51" s="25" t="s">
        <v>47</v>
      </c>
    </row>
    <row r="52" spans="1:8" ht="15" customHeight="1" x14ac:dyDescent="0.25">
      <c r="A52" s="41" t="s">
        <v>359</v>
      </c>
      <c r="B52" s="41" t="s">
        <v>216</v>
      </c>
      <c r="C52" s="41" t="s">
        <v>217</v>
      </c>
      <c r="D52" s="42" t="s">
        <v>74</v>
      </c>
      <c r="E52" s="24">
        <v>255</v>
      </c>
      <c r="F52" s="43" t="s">
        <v>153</v>
      </c>
      <c r="G52" s="35" t="s">
        <v>241</v>
      </c>
      <c r="H52" s="25" t="s">
        <v>47</v>
      </c>
    </row>
    <row r="53" spans="1:8" ht="15" customHeight="1" x14ac:dyDescent="0.25">
      <c r="A53" s="41" t="s">
        <v>359</v>
      </c>
      <c r="B53" s="41" t="s">
        <v>216</v>
      </c>
      <c r="C53" s="41" t="s">
        <v>217</v>
      </c>
      <c r="D53" s="42" t="s">
        <v>74</v>
      </c>
      <c r="E53" s="24">
        <v>256</v>
      </c>
      <c r="F53" s="43" t="s">
        <v>154</v>
      </c>
      <c r="G53" s="35" t="s">
        <v>241</v>
      </c>
      <c r="H53" s="25" t="s">
        <v>47</v>
      </c>
    </row>
    <row r="54" spans="1:8" ht="15" customHeight="1" x14ac:dyDescent="0.25">
      <c r="A54" s="41" t="s">
        <v>359</v>
      </c>
      <c r="B54" s="41" t="s">
        <v>216</v>
      </c>
      <c r="C54" s="41" t="s">
        <v>217</v>
      </c>
      <c r="D54" s="42" t="s">
        <v>74</v>
      </c>
      <c r="E54" s="24">
        <v>257</v>
      </c>
      <c r="F54" s="43" t="s">
        <v>155</v>
      </c>
      <c r="G54" s="35" t="s">
        <v>241</v>
      </c>
      <c r="H54" s="25" t="s">
        <v>47</v>
      </c>
    </row>
    <row r="55" spans="1:8" ht="15" customHeight="1" x14ac:dyDescent="0.25">
      <c r="A55" s="41" t="s">
        <v>359</v>
      </c>
      <c r="B55" s="41" t="s">
        <v>216</v>
      </c>
      <c r="C55" s="41" t="s">
        <v>217</v>
      </c>
      <c r="D55" s="42" t="s">
        <v>74</v>
      </c>
      <c r="E55" s="24">
        <v>258</v>
      </c>
      <c r="F55" s="43" t="s">
        <v>156</v>
      </c>
      <c r="G55" s="35" t="s">
        <v>241</v>
      </c>
      <c r="H55" s="25" t="s">
        <v>47</v>
      </c>
    </row>
    <row r="56" spans="1:8" ht="15" customHeight="1" x14ac:dyDescent="0.25">
      <c r="A56" s="41" t="s">
        <v>359</v>
      </c>
      <c r="B56" s="41" t="s">
        <v>216</v>
      </c>
      <c r="C56" s="41" t="s">
        <v>217</v>
      </c>
      <c r="D56" s="42" t="s">
        <v>74</v>
      </c>
      <c r="E56" s="24">
        <v>260</v>
      </c>
      <c r="F56" s="43" t="s">
        <v>157</v>
      </c>
      <c r="G56" s="35" t="s">
        <v>241</v>
      </c>
      <c r="H56" s="25" t="s">
        <v>47</v>
      </c>
    </row>
    <row r="57" spans="1:8" ht="15" customHeight="1" x14ac:dyDescent="0.25">
      <c r="A57" s="41" t="s">
        <v>359</v>
      </c>
      <c r="B57" s="41" t="s">
        <v>216</v>
      </c>
      <c r="C57" s="41" t="s">
        <v>217</v>
      </c>
      <c r="D57" s="42" t="s">
        <v>21</v>
      </c>
      <c r="E57" s="24">
        <v>261</v>
      </c>
      <c r="F57" s="43" t="s">
        <v>21</v>
      </c>
      <c r="G57" s="35" t="s">
        <v>241</v>
      </c>
      <c r="H57" s="25" t="s">
        <v>47</v>
      </c>
    </row>
    <row r="58" spans="1:8" ht="15" customHeight="1" x14ac:dyDescent="0.25">
      <c r="A58" s="41" t="s">
        <v>359</v>
      </c>
      <c r="B58" s="41" t="s">
        <v>216</v>
      </c>
      <c r="C58" s="41" t="s">
        <v>217</v>
      </c>
      <c r="D58" s="42" t="s">
        <v>158</v>
      </c>
      <c r="E58" s="24">
        <v>270</v>
      </c>
      <c r="F58" s="43" t="s">
        <v>159</v>
      </c>
      <c r="G58" s="35" t="s">
        <v>241</v>
      </c>
      <c r="H58" s="25" t="s">
        <v>47</v>
      </c>
    </row>
    <row r="59" spans="1:8" ht="15" customHeight="1" x14ac:dyDescent="0.25">
      <c r="A59" s="41" t="s">
        <v>359</v>
      </c>
      <c r="B59" s="41" t="s">
        <v>216</v>
      </c>
      <c r="C59" s="41" t="s">
        <v>217</v>
      </c>
      <c r="D59" s="42" t="s">
        <v>158</v>
      </c>
      <c r="E59" s="24">
        <v>271</v>
      </c>
      <c r="F59" s="43" t="s">
        <v>160</v>
      </c>
      <c r="G59" s="35" t="s">
        <v>241</v>
      </c>
      <c r="H59" s="25" t="s">
        <v>47</v>
      </c>
    </row>
    <row r="60" spans="1:8" ht="15" customHeight="1" x14ac:dyDescent="0.25">
      <c r="A60" s="41" t="s">
        <v>359</v>
      </c>
      <c r="B60" s="41" t="s">
        <v>216</v>
      </c>
      <c r="C60" s="41" t="s">
        <v>217</v>
      </c>
      <c r="D60" s="42" t="s">
        <v>158</v>
      </c>
      <c r="E60" s="24">
        <v>272</v>
      </c>
      <c r="F60" s="43" t="s">
        <v>161</v>
      </c>
      <c r="G60" s="35" t="s">
        <v>241</v>
      </c>
      <c r="H60" s="25" t="s">
        <v>47</v>
      </c>
    </row>
    <row r="61" spans="1:8" ht="15" customHeight="1" x14ac:dyDescent="0.25">
      <c r="A61" s="41" t="s">
        <v>359</v>
      </c>
      <c r="B61" s="41" t="s">
        <v>216</v>
      </c>
      <c r="C61" s="41" t="s">
        <v>217</v>
      </c>
      <c r="D61" s="42" t="s">
        <v>158</v>
      </c>
      <c r="E61" s="24">
        <v>273</v>
      </c>
      <c r="F61" s="43" t="s">
        <v>162</v>
      </c>
      <c r="G61" s="35" t="s">
        <v>241</v>
      </c>
      <c r="H61" s="25" t="s">
        <v>47</v>
      </c>
    </row>
    <row r="62" spans="1:8" ht="15" customHeight="1" x14ac:dyDescent="0.25">
      <c r="A62" s="41" t="s">
        <v>359</v>
      </c>
      <c r="B62" s="41" t="s">
        <v>216</v>
      </c>
      <c r="C62" s="41" t="s">
        <v>217</v>
      </c>
      <c r="D62" s="42" t="s">
        <v>158</v>
      </c>
      <c r="E62" s="24">
        <v>274</v>
      </c>
      <c r="F62" s="43" t="s">
        <v>163</v>
      </c>
      <c r="G62" s="35" t="s">
        <v>241</v>
      </c>
      <c r="H62" s="25" t="s">
        <v>47</v>
      </c>
    </row>
    <row r="63" spans="1:8" ht="15" customHeight="1" x14ac:dyDescent="0.25">
      <c r="A63" s="41" t="s">
        <v>359</v>
      </c>
      <c r="B63" s="41" t="s">
        <v>216</v>
      </c>
      <c r="C63" s="41" t="s">
        <v>217</v>
      </c>
      <c r="D63" s="42" t="s">
        <v>158</v>
      </c>
      <c r="E63" s="24">
        <v>275</v>
      </c>
      <c r="F63" s="43" t="s">
        <v>164</v>
      </c>
      <c r="G63" s="35" t="s">
        <v>241</v>
      </c>
      <c r="H63" s="25" t="s">
        <v>47</v>
      </c>
    </row>
    <row r="64" spans="1:8" ht="15" customHeight="1" x14ac:dyDescent="0.25">
      <c r="A64" s="41" t="s">
        <v>359</v>
      </c>
      <c r="B64" s="41" t="s">
        <v>216</v>
      </c>
      <c r="C64" s="41" t="s">
        <v>217</v>
      </c>
      <c r="D64" s="42" t="s">
        <v>158</v>
      </c>
      <c r="E64" s="24">
        <v>276</v>
      </c>
      <c r="F64" s="43" t="s">
        <v>165</v>
      </c>
      <c r="G64" s="35" t="s">
        <v>241</v>
      </c>
      <c r="H64" s="25" t="s">
        <v>47</v>
      </c>
    </row>
    <row r="65" spans="1:8" ht="15" customHeight="1" x14ac:dyDescent="0.25">
      <c r="A65" s="41" t="s">
        <v>359</v>
      </c>
      <c r="B65" s="41" t="s">
        <v>216</v>
      </c>
      <c r="C65" s="41" t="s">
        <v>217</v>
      </c>
      <c r="D65" s="42" t="s">
        <v>166</v>
      </c>
      <c r="E65" s="24">
        <v>2010</v>
      </c>
      <c r="F65" s="43" t="s">
        <v>167</v>
      </c>
      <c r="G65" s="35" t="s">
        <v>241</v>
      </c>
      <c r="H65" s="25" t="s">
        <v>47</v>
      </c>
    </row>
    <row r="66" spans="1:8" ht="15" customHeight="1" x14ac:dyDescent="0.25">
      <c r="A66" s="41" t="s">
        <v>359</v>
      </c>
      <c r="B66" s="41" t="s">
        <v>216</v>
      </c>
      <c r="C66" s="41" t="s">
        <v>217</v>
      </c>
      <c r="D66" s="42" t="s">
        <v>166</v>
      </c>
      <c r="E66" s="24">
        <v>2011</v>
      </c>
      <c r="F66" s="43" t="s">
        <v>168</v>
      </c>
      <c r="G66" s="35" t="s">
        <v>241</v>
      </c>
      <c r="H66" s="25" t="s">
        <v>47</v>
      </c>
    </row>
    <row r="67" spans="1:8" ht="15" customHeight="1" x14ac:dyDescent="0.25">
      <c r="A67" s="41" t="s">
        <v>359</v>
      </c>
      <c r="B67" s="41" t="s">
        <v>216</v>
      </c>
      <c r="C67" s="41" t="s">
        <v>217</v>
      </c>
      <c r="D67" s="42" t="s">
        <v>166</v>
      </c>
      <c r="E67" s="24">
        <v>2012</v>
      </c>
      <c r="F67" s="43" t="s">
        <v>169</v>
      </c>
      <c r="G67" s="35" t="s">
        <v>241</v>
      </c>
      <c r="H67" s="25" t="s">
        <v>47</v>
      </c>
    </row>
    <row r="68" spans="1:8" ht="15" customHeight="1" x14ac:dyDescent="0.25">
      <c r="A68" s="41" t="s">
        <v>359</v>
      </c>
      <c r="B68" s="41" t="s">
        <v>216</v>
      </c>
      <c r="C68" s="41" t="s">
        <v>217</v>
      </c>
      <c r="D68" s="42" t="s">
        <v>166</v>
      </c>
      <c r="E68" s="24">
        <v>2013</v>
      </c>
      <c r="F68" s="43" t="s">
        <v>170</v>
      </c>
      <c r="G68" s="35" t="s">
        <v>241</v>
      </c>
      <c r="H68" s="25" t="s">
        <v>47</v>
      </c>
    </row>
    <row r="69" spans="1:8" ht="15" customHeight="1" x14ac:dyDescent="0.25">
      <c r="A69" s="41" t="s">
        <v>359</v>
      </c>
      <c r="B69" s="41" t="s">
        <v>216</v>
      </c>
      <c r="C69" s="41" t="s">
        <v>217</v>
      </c>
      <c r="D69" s="42" t="s">
        <v>166</v>
      </c>
      <c r="E69" s="24">
        <v>2015</v>
      </c>
      <c r="F69" s="43" t="s">
        <v>171</v>
      </c>
      <c r="G69" s="35" t="s">
        <v>241</v>
      </c>
      <c r="H69" s="25" t="s">
        <v>47</v>
      </c>
    </row>
    <row r="70" spans="1:8" ht="15" customHeight="1" x14ac:dyDescent="0.25">
      <c r="A70" s="41" t="s">
        <v>359</v>
      </c>
      <c r="B70" s="41" t="s">
        <v>216</v>
      </c>
      <c r="C70" s="41" t="s">
        <v>217</v>
      </c>
      <c r="D70" s="42" t="s">
        <v>166</v>
      </c>
      <c r="E70" s="24">
        <v>2016</v>
      </c>
      <c r="F70" s="43" t="s">
        <v>172</v>
      </c>
      <c r="G70" s="35" t="s">
        <v>241</v>
      </c>
      <c r="H70" s="25" t="s">
        <v>47</v>
      </c>
    </row>
    <row r="71" spans="1:8" ht="15" customHeight="1" x14ac:dyDescent="0.25">
      <c r="A71" s="41" t="s">
        <v>359</v>
      </c>
      <c r="B71" s="41" t="s">
        <v>216</v>
      </c>
      <c r="C71" s="41" t="s">
        <v>217</v>
      </c>
      <c r="D71" s="42" t="s">
        <v>166</v>
      </c>
      <c r="E71" s="24">
        <v>2021</v>
      </c>
      <c r="F71" s="43" t="s">
        <v>173</v>
      </c>
      <c r="G71" s="35" t="s">
        <v>241</v>
      </c>
      <c r="H71" s="25" t="s">
        <v>47</v>
      </c>
    </row>
    <row r="72" spans="1:8" ht="15" customHeight="1" x14ac:dyDescent="0.25">
      <c r="A72" s="41" t="s">
        <v>359</v>
      </c>
      <c r="B72" s="41" t="s">
        <v>216</v>
      </c>
      <c r="C72" s="41" t="s">
        <v>217</v>
      </c>
      <c r="D72" s="42" t="s">
        <v>166</v>
      </c>
      <c r="E72" s="24">
        <v>2022</v>
      </c>
      <c r="F72" s="43" t="s">
        <v>174</v>
      </c>
      <c r="G72" s="35" t="s">
        <v>241</v>
      </c>
      <c r="H72" s="25" t="s">
        <v>47</v>
      </c>
    </row>
    <row r="73" spans="1:8" ht="15" customHeight="1" x14ac:dyDescent="0.25">
      <c r="A73" s="41" t="s">
        <v>359</v>
      </c>
      <c r="B73" s="41" t="s">
        <v>216</v>
      </c>
      <c r="C73" s="41" t="s">
        <v>217</v>
      </c>
      <c r="D73" s="42" t="s">
        <v>166</v>
      </c>
      <c r="E73" s="24">
        <v>2031</v>
      </c>
      <c r="F73" s="43" t="s">
        <v>175</v>
      </c>
      <c r="G73" s="35" t="s">
        <v>241</v>
      </c>
      <c r="H73" s="25" t="s">
        <v>47</v>
      </c>
    </row>
    <row r="74" spans="1:8" ht="15" customHeight="1" x14ac:dyDescent="0.25">
      <c r="A74" s="41" t="s">
        <v>359</v>
      </c>
      <c r="B74" s="41" t="s">
        <v>216</v>
      </c>
      <c r="C74" s="41" t="s">
        <v>217</v>
      </c>
      <c r="D74" s="42" t="s">
        <v>176</v>
      </c>
      <c r="E74" s="24">
        <v>2131</v>
      </c>
      <c r="F74" s="43" t="s">
        <v>177</v>
      </c>
      <c r="G74" s="35" t="s">
        <v>241</v>
      </c>
      <c r="H74" s="25" t="s">
        <v>47</v>
      </c>
    </row>
    <row r="75" spans="1:8" ht="15" customHeight="1" x14ac:dyDescent="0.25">
      <c r="A75" s="41" t="s">
        <v>359</v>
      </c>
      <c r="B75" s="41" t="s">
        <v>216</v>
      </c>
      <c r="C75" s="41" t="s">
        <v>217</v>
      </c>
      <c r="D75" s="42" t="s">
        <v>176</v>
      </c>
      <c r="E75" s="24">
        <v>2132</v>
      </c>
      <c r="F75" s="43" t="s">
        <v>178</v>
      </c>
      <c r="G75" s="35" t="s">
        <v>241</v>
      </c>
      <c r="H75" s="25" t="s">
        <v>47</v>
      </c>
    </row>
    <row r="76" spans="1:8" ht="15" customHeight="1" x14ac:dyDescent="0.25">
      <c r="A76" s="41" t="s">
        <v>359</v>
      </c>
      <c r="B76" s="41" t="s">
        <v>216</v>
      </c>
      <c r="C76" s="41" t="s">
        <v>217</v>
      </c>
      <c r="D76" s="42" t="s">
        <v>176</v>
      </c>
      <c r="E76" s="24">
        <v>2141</v>
      </c>
      <c r="F76" s="43" t="s">
        <v>179</v>
      </c>
      <c r="G76" s="35" t="s">
        <v>241</v>
      </c>
      <c r="H76" s="25" t="s">
        <v>47</v>
      </c>
    </row>
    <row r="77" spans="1:8" ht="15" customHeight="1" x14ac:dyDescent="0.25">
      <c r="A77" s="41" t="s">
        <v>359</v>
      </c>
      <c r="B77" s="41" t="s">
        <v>216</v>
      </c>
      <c r="C77" s="41" t="s">
        <v>217</v>
      </c>
      <c r="D77" s="42" t="s">
        <v>176</v>
      </c>
      <c r="E77" s="24">
        <v>2142</v>
      </c>
      <c r="F77" s="43" t="s">
        <v>180</v>
      </c>
      <c r="G77" s="35" t="s">
        <v>241</v>
      </c>
      <c r="H77" s="25" t="s">
        <v>47</v>
      </c>
    </row>
    <row r="78" spans="1:8" ht="15" customHeight="1" x14ac:dyDescent="0.25">
      <c r="A78" s="41" t="s">
        <v>359</v>
      </c>
      <c r="B78" s="41" t="s">
        <v>216</v>
      </c>
      <c r="C78" s="41" t="s">
        <v>217</v>
      </c>
      <c r="D78" s="42" t="s">
        <v>176</v>
      </c>
      <c r="E78" s="24">
        <v>2150</v>
      </c>
      <c r="F78" s="43" t="s">
        <v>181</v>
      </c>
      <c r="G78" s="35" t="s">
        <v>241</v>
      </c>
      <c r="H78" s="25" t="s">
        <v>47</v>
      </c>
    </row>
    <row r="79" spans="1:8" ht="15" customHeight="1" x14ac:dyDescent="0.25">
      <c r="A79" s="41" t="s">
        <v>359</v>
      </c>
      <c r="B79" s="41" t="s">
        <v>216</v>
      </c>
      <c r="C79" s="41" t="s">
        <v>217</v>
      </c>
      <c r="D79" s="42" t="s">
        <v>176</v>
      </c>
      <c r="E79" s="24">
        <v>2151</v>
      </c>
      <c r="F79" s="43" t="s">
        <v>182</v>
      </c>
      <c r="G79" s="35" t="s">
        <v>241</v>
      </c>
      <c r="H79" s="25" t="s">
        <v>47</v>
      </c>
    </row>
    <row r="80" spans="1:8" ht="15" customHeight="1" x14ac:dyDescent="0.25">
      <c r="A80" s="41" t="s">
        <v>359</v>
      </c>
      <c r="B80" s="41" t="s">
        <v>216</v>
      </c>
      <c r="C80" s="41" t="s">
        <v>217</v>
      </c>
      <c r="D80" s="42" t="s">
        <v>176</v>
      </c>
      <c r="E80" s="24">
        <v>2152</v>
      </c>
      <c r="F80" s="43" t="s">
        <v>183</v>
      </c>
      <c r="G80" s="35" t="s">
        <v>241</v>
      </c>
      <c r="H80" s="25" t="s">
        <v>47</v>
      </c>
    </row>
    <row r="81" spans="1:8" ht="15" customHeight="1" x14ac:dyDescent="0.25">
      <c r="A81" s="41" t="s">
        <v>359</v>
      </c>
      <c r="B81" s="41" t="s">
        <v>216</v>
      </c>
      <c r="C81" s="41" t="s">
        <v>217</v>
      </c>
      <c r="D81" s="42" t="s">
        <v>184</v>
      </c>
      <c r="E81" s="24">
        <v>2210</v>
      </c>
      <c r="F81" s="43" t="s">
        <v>185</v>
      </c>
      <c r="G81" s="35" t="s">
        <v>241</v>
      </c>
      <c r="H81" s="25" t="s">
        <v>47</v>
      </c>
    </row>
    <row r="82" spans="1:8" ht="15" customHeight="1" x14ac:dyDescent="0.25">
      <c r="A82" s="41" t="s">
        <v>359</v>
      </c>
      <c r="B82" s="41" t="s">
        <v>216</v>
      </c>
      <c r="C82" s="41" t="s">
        <v>217</v>
      </c>
      <c r="D82" s="42" t="s">
        <v>184</v>
      </c>
      <c r="E82" s="24">
        <v>2211</v>
      </c>
      <c r="F82" s="43" t="s">
        <v>186</v>
      </c>
      <c r="G82" s="35" t="s">
        <v>241</v>
      </c>
      <c r="H82" s="25" t="s">
        <v>47</v>
      </c>
    </row>
    <row r="83" spans="1:8" ht="15" customHeight="1" x14ac:dyDescent="0.25">
      <c r="A83" s="41" t="s">
        <v>359</v>
      </c>
      <c r="B83" s="41" t="s">
        <v>216</v>
      </c>
      <c r="C83" s="41" t="s">
        <v>217</v>
      </c>
      <c r="D83" s="42" t="s">
        <v>184</v>
      </c>
      <c r="E83" s="24">
        <v>2221</v>
      </c>
      <c r="F83" s="43" t="s">
        <v>187</v>
      </c>
      <c r="G83" s="35" t="s">
        <v>241</v>
      </c>
      <c r="H83" s="25" t="s">
        <v>47</v>
      </c>
    </row>
    <row r="84" spans="1:8" ht="15" customHeight="1" x14ac:dyDescent="0.25">
      <c r="A84" s="41" t="s">
        <v>359</v>
      </c>
      <c r="B84" s="41" t="s">
        <v>216</v>
      </c>
      <c r="C84" s="41" t="s">
        <v>217</v>
      </c>
      <c r="D84" s="42" t="s">
        <v>184</v>
      </c>
      <c r="E84" s="24">
        <v>2231</v>
      </c>
      <c r="F84" s="43" t="s">
        <v>188</v>
      </c>
      <c r="G84" s="35" t="s">
        <v>241</v>
      </c>
      <c r="H84" s="25" t="s">
        <v>47</v>
      </c>
    </row>
    <row r="85" spans="1:8" ht="15" customHeight="1" x14ac:dyDescent="0.25">
      <c r="A85" s="41" t="s">
        <v>359</v>
      </c>
      <c r="B85" s="41" t="s">
        <v>216</v>
      </c>
      <c r="C85" s="41" t="s">
        <v>217</v>
      </c>
      <c r="D85" s="42" t="s">
        <v>184</v>
      </c>
      <c r="E85" s="24">
        <v>2232</v>
      </c>
      <c r="F85" s="43" t="s">
        <v>189</v>
      </c>
      <c r="G85" s="35" t="s">
        <v>241</v>
      </c>
      <c r="H85" s="25" t="s">
        <v>47</v>
      </c>
    </row>
    <row r="86" spans="1:8" ht="15" customHeight="1" x14ac:dyDescent="0.25">
      <c r="A86" s="41" t="s">
        <v>359</v>
      </c>
      <c r="B86" s="41" t="s">
        <v>216</v>
      </c>
      <c r="C86" s="41" t="s">
        <v>217</v>
      </c>
      <c r="D86" s="42" t="s">
        <v>184</v>
      </c>
      <c r="E86" s="24">
        <v>2233</v>
      </c>
      <c r="F86" s="43" t="s">
        <v>190</v>
      </c>
      <c r="G86" s="35" t="s">
        <v>241</v>
      </c>
      <c r="H86" s="25" t="s">
        <v>47</v>
      </c>
    </row>
    <row r="87" spans="1:8" ht="15" customHeight="1" x14ac:dyDescent="0.25">
      <c r="A87" s="41" t="s">
        <v>359</v>
      </c>
      <c r="B87" s="41" t="s">
        <v>216</v>
      </c>
      <c r="C87" s="41" t="s">
        <v>217</v>
      </c>
      <c r="D87" s="42" t="s">
        <v>184</v>
      </c>
      <c r="E87" s="24">
        <v>2241</v>
      </c>
      <c r="F87" s="43" t="s">
        <v>191</v>
      </c>
      <c r="G87" s="35" t="s">
        <v>241</v>
      </c>
      <c r="H87" s="25" t="s">
        <v>47</v>
      </c>
    </row>
    <row r="88" spans="1:8" ht="15" customHeight="1" x14ac:dyDescent="0.25">
      <c r="A88" s="41" t="s">
        <v>359</v>
      </c>
      <c r="B88" s="41" t="s">
        <v>216</v>
      </c>
      <c r="C88" s="41" t="s">
        <v>217</v>
      </c>
      <c r="D88" s="42" t="s">
        <v>184</v>
      </c>
      <c r="E88" s="24">
        <v>2242</v>
      </c>
      <c r="F88" s="43" t="s">
        <v>192</v>
      </c>
      <c r="G88" s="35" t="s">
        <v>241</v>
      </c>
      <c r="H88" s="25" t="s">
        <v>47</v>
      </c>
    </row>
    <row r="89" spans="1:8" ht="15" customHeight="1" x14ac:dyDescent="0.25">
      <c r="A89" s="41" t="s">
        <v>359</v>
      </c>
      <c r="B89" s="41" t="s">
        <v>216</v>
      </c>
      <c r="C89" s="41" t="s">
        <v>217</v>
      </c>
      <c r="D89" s="42" t="s">
        <v>184</v>
      </c>
      <c r="E89" s="24">
        <v>2243</v>
      </c>
      <c r="F89" s="43" t="s">
        <v>193</v>
      </c>
      <c r="G89" s="35" t="s">
        <v>241</v>
      </c>
      <c r="H89" s="25" t="s">
        <v>47</v>
      </c>
    </row>
    <row r="90" spans="1:8" ht="15" customHeight="1" x14ac:dyDescent="0.25">
      <c r="A90" s="41" t="s">
        <v>359</v>
      </c>
      <c r="B90" s="41" t="s">
        <v>216</v>
      </c>
      <c r="C90" s="41" t="s">
        <v>217</v>
      </c>
      <c r="D90" s="42" t="s">
        <v>184</v>
      </c>
      <c r="E90" s="24">
        <v>2251</v>
      </c>
      <c r="F90" s="43" t="s">
        <v>194</v>
      </c>
      <c r="G90" s="35" t="s">
        <v>241</v>
      </c>
      <c r="H90" s="25" t="s">
        <v>47</v>
      </c>
    </row>
    <row r="91" spans="1:8" ht="15" customHeight="1" x14ac:dyDescent="0.25">
      <c r="A91" s="41" t="s">
        <v>359</v>
      </c>
      <c r="B91" s="41" t="s">
        <v>216</v>
      </c>
      <c r="C91" s="41" t="s">
        <v>217</v>
      </c>
      <c r="D91" s="42" t="s">
        <v>184</v>
      </c>
      <c r="E91" s="24">
        <v>2252</v>
      </c>
      <c r="F91" s="43" t="s">
        <v>195</v>
      </c>
      <c r="G91" s="35" t="s">
        <v>241</v>
      </c>
      <c r="H91" s="25" t="s">
        <v>47</v>
      </c>
    </row>
    <row r="92" spans="1:8" ht="15" customHeight="1" x14ac:dyDescent="0.25">
      <c r="A92" s="41" t="s">
        <v>359</v>
      </c>
      <c r="B92" s="41" t="s">
        <v>216</v>
      </c>
      <c r="C92" s="41" t="s">
        <v>217</v>
      </c>
      <c r="D92" s="42" t="s">
        <v>184</v>
      </c>
      <c r="E92" s="24">
        <v>2253</v>
      </c>
      <c r="F92" s="43" t="s">
        <v>196</v>
      </c>
      <c r="G92" s="35" t="s">
        <v>241</v>
      </c>
      <c r="H92" s="25" t="s">
        <v>47</v>
      </c>
    </row>
    <row r="93" spans="1:8" ht="15" customHeight="1" x14ac:dyDescent="0.25">
      <c r="A93" s="41" t="s">
        <v>359</v>
      </c>
      <c r="B93" s="41" t="s">
        <v>216</v>
      </c>
      <c r="C93" s="41" t="s">
        <v>217</v>
      </c>
      <c r="D93" s="42" t="s">
        <v>184</v>
      </c>
      <c r="E93" s="24">
        <v>2261</v>
      </c>
      <c r="F93" s="43" t="s">
        <v>197</v>
      </c>
      <c r="G93" s="35" t="s">
        <v>241</v>
      </c>
      <c r="H93" s="25" t="s">
        <v>47</v>
      </c>
    </row>
    <row r="94" spans="1:8" ht="15" customHeight="1" x14ac:dyDescent="0.25">
      <c r="A94" s="41" t="s">
        <v>359</v>
      </c>
      <c r="B94" s="41" t="s">
        <v>216</v>
      </c>
      <c r="C94" s="41" t="s">
        <v>217</v>
      </c>
      <c r="D94" s="42" t="s">
        <v>184</v>
      </c>
      <c r="E94" s="24">
        <v>2262</v>
      </c>
      <c r="F94" s="43" t="s">
        <v>198</v>
      </c>
      <c r="G94" s="35" t="s">
        <v>241</v>
      </c>
      <c r="H94" s="25" t="s">
        <v>47</v>
      </c>
    </row>
    <row r="95" spans="1:8" ht="15" customHeight="1" x14ac:dyDescent="0.25">
      <c r="A95" s="41" t="s">
        <v>359</v>
      </c>
      <c r="B95" s="41" t="s">
        <v>216</v>
      </c>
      <c r="C95" s="41" t="s">
        <v>217</v>
      </c>
      <c r="D95" s="42" t="s">
        <v>184</v>
      </c>
      <c r="E95" s="24">
        <v>2263</v>
      </c>
      <c r="F95" s="43" t="s">
        <v>199</v>
      </c>
      <c r="G95" s="35" t="s">
        <v>241</v>
      </c>
      <c r="H95" s="25" t="s">
        <v>47</v>
      </c>
    </row>
    <row r="96" spans="1:8" ht="15" customHeight="1" x14ac:dyDescent="0.25">
      <c r="A96" s="41" t="s">
        <v>359</v>
      </c>
      <c r="B96" s="41" t="s">
        <v>216</v>
      </c>
      <c r="C96" s="41" t="s">
        <v>217</v>
      </c>
      <c r="D96" s="42" t="s">
        <v>200</v>
      </c>
      <c r="E96" s="24">
        <v>2270</v>
      </c>
      <c r="F96" s="43" t="s">
        <v>201</v>
      </c>
      <c r="G96" s="35" t="s">
        <v>241</v>
      </c>
      <c r="H96" s="25" t="s">
        <v>47</v>
      </c>
    </row>
    <row r="97" spans="1:8" ht="15" customHeight="1" x14ac:dyDescent="0.25">
      <c r="A97" s="41" t="s">
        <v>359</v>
      </c>
      <c r="B97" s="41" t="s">
        <v>216</v>
      </c>
      <c r="C97" s="41" t="s">
        <v>217</v>
      </c>
      <c r="D97" s="42" t="s">
        <v>200</v>
      </c>
      <c r="E97" s="24">
        <v>2271</v>
      </c>
      <c r="F97" s="43" t="s">
        <v>202</v>
      </c>
      <c r="G97" s="35" t="s">
        <v>241</v>
      </c>
      <c r="H97" s="25" t="s">
        <v>47</v>
      </c>
    </row>
    <row r="98" spans="1:8" ht="15" customHeight="1" x14ac:dyDescent="0.25">
      <c r="A98" s="41" t="s">
        <v>359</v>
      </c>
      <c r="B98" s="41" t="s">
        <v>216</v>
      </c>
      <c r="C98" s="41" t="s">
        <v>217</v>
      </c>
      <c r="D98" s="42" t="s">
        <v>200</v>
      </c>
      <c r="E98" s="24">
        <v>2272</v>
      </c>
      <c r="F98" s="43" t="s">
        <v>203</v>
      </c>
      <c r="G98" s="35" t="s">
        <v>241</v>
      </c>
      <c r="H98" s="25" t="s">
        <v>47</v>
      </c>
    </row>
    <row r="99" spans="1:8" ht="15" customHeight="1" x14ac:dyDescent="0.25">
      <c r="A99" s="41" t="s">
        <v>359</v>
      </c>
      <c r="B99" s="41" t="s">
        <v>216</v>
      </c>
      <c r="C99" s="41" t="s">
        <v>217</v>
      </c>
      <c r="D99" s="42" t="s">
        <v>200</v>
      </c>
      <c r="E99" s="24">
        <v>2273</v>
      </c>
      <c r="F99" s="43" t="s">
        <v>204</v>
      </c>
      <c r="G99" s="35" t="s">
        <v>241</v>
      </c>
      <c r="H99" s="25" t="s">
        <v>47</v>
      </c>
    </row>
    <row r="100" spans="1:8" ht="15" customHeight="1" x14ac:dyDescent="0.25">
      <c r="A100" s="41" t="s">
        <v>359</v>
      </c>
      <c r="B100" s="41" t="s">
        <v>216</v>
      </c>
      <c r="C100" s="41" t="s">
        <v>217</v>
      </c>
      <c r="D100" s="42" t="s">
        <v>200</v>
      </c>
      <c r="E100" s="24">
        <v>2274</v>
      </c>
      <c r="F100" s="43" t="s">
        <v>205</v>
      </c>
      <c r="G100" s="35" t="s">
        <v>241</v>
      </c>
      <c r="H100" s="25" t="s">
        <v>47</v>
      </c>
    </row>
    <row r="101" spans="1:8" ht="15" customHeight="1" x14ac:dyDescent="0.25">
      <c r="A101" s="41" t="s">
        <v>359</v>
      </c>
      <c r="B101" s="41" t="s">
        <v>216</v>
      </c>
      <c r="C101" s="41" t="s">
        <v>217</v>
      </c>
      <c r="D101" s="42" t="s">
        <v>200</v>
      </c>
      <c r="E101" s="24">
        <v>2275</v>
      </c>
      <c r="F101" s="43" t="s">
        <v>206</v>
      </c>
      <c r="G101" s="35" t="s">
        <v>241</v>
      </c>
      <c r="H101" s="25" t="s">
        <v>47</v>
      </c>
    </row>
    <row r="102" spans="1:8" ht="15" customHeight="1" x14ac:dyDescent="0.25">
      <c r="A102" s="41" t="s">
        <v>359</v>
      </c>
      <c r="B102" s="41" t="s">
        <v>216</v>
      </c>
      <c r="C102" s="41" t="s">
        <v>217</v>
      </c>
      <c r="D102" s="42" t="s">
        <v>200</v>
      </c>
      <c r="E102" s="24">
        <v>2276</v>
      </c>
      <c r="F102" s="43" t="s">
        <v>207</v>
      </c>
      <c r="G102" s="35" t="s">
        <v>241</v>
      </c>
      <c r="H102" s="25" t="s">
        <v>47</v>
      </c>
    </row>
    <row r="103" spans="1:8" ht="15" customHeight="1" x14ac:dyDescent="0.25">
      <c r="A103" s="41" t="s">
        <v>359</v>
      </c>
      <c r="B103" s="41" t="s">
        <v>216</v>
      </c>
      <c r="C103" s="41" t="s">
        <v>217</v>
      </c>
      <c r="D103" s="42" t="s">
        <v>200</v>
      </c>
      <c r="E103" s="24">
        <v>2281</v>
      </c>
      <c r="F103" s="43" t="s">
        <v>208</v>
      </c>
      <c r="G103" s="35" t="s">
        <v>241</v>
      </c>
      <c r="H103" s="25" t="s">
        <v>47</v>
      </c>
    </row>
    <row r="104" spans="1:8" ht="15" customHeight="1" x14ac:dyDescent="0.25">
      <c r="A104" s="41" t="s">
        <v>359</v>
      </c>
      <c r="B104" s="41" t="s">
        <v>216</v>
      </c>
      <c r="C104" s="41" t="s">
        <v>217</v>
      </c>
      <c r="D104" s="42" t="s">
        <v>200</v>
      </c>
      <c r="E104" s="24">
        <v>2282</v>
      </c>
      <c r="F104" s="43" t="s">
        <v>209</v>
      </c>
      <c r="G104" s="35" t="s">
        <v>241</v>
      </c>
      <c r="H104" s="25" t="s">
        <v>47</v>
      </c>
    </row>
    <row r="105" spans="1:8" ht="15" customHeight="1" x14ac:dyDescent="0.25">
      <c r="A105" s="41" t="s">
        <v>359</v>
      </c>
      <c r="B105" s="41" t="s">
        <v>216</v>
      </c>
      <c r="C105" s="41" t="s">
        <v>217</v>
      </c>
      <c r="D105" s="42" t="s">
        <v>200</v>
      </c>
      <c r="E105" s="24">
        <v>2283</v>
      </c>
      <c r="F105" s="43" t="s">
        <v>210</v>
      </c>
      <c r="G105" s="35" t="s">
        <v>241</v>
      </c>
      <c r="H105" s="25" t="s">
        <v>47</v>
      </c>
    </row>
    <row r="106" spans="1:8" ht="15" customHeight="1" x14ac:dyDescent="0.25">
      <c r="A106" s="41" t="s">
        <v>359</v>
      </c>
      <c r="B106" s="41" t="s">
        <v>216</v>
      </c>
      <c r="C106" s="41" t="s">
        <v>217</v>
      </c>
      <c r="D106" s="42" t="s">
        <v>200</v>
      </c>
      <c r="E106" s="24">
        <v>2284</v>
      </c>
      <c r="F106" s="43" t="s">
        <v>211</v>
      </c>
      <c r="G106" s="35" t="s">
        <v>241</v>
      </c>
      <c r="H106" s="25" t="s">
        <v>47</v>
      </c>
    </row>
    <row r="107" spans="1:8" ht="15" customHeight="1" x14ac:dyDescent="0.25">
      <c r="A107" s="41" t="s">
        <v>359</v>
      </c>
      <c r="B107" s="41" t="s">
        <v>216</v>
      </c>
      <c r="C107" s="41" t="s">
        <v>217</v>
      </c>
      <c r="D107" s="42" t="s">
        <v>200</v>
      </c>
      <c r="E107" s="24">
        <v>2285</v>
      </c>
      <c r="F107" s="43" t="s">
        <v>212</v>
      </c>
      <c r="G107" s="35" t="s">
        <v>241</v>
      </c>
      <c r="H107" s="25" t="s">
        <v>47</v>
      </c>
    </row>
    <row r="108" spans="1:8" ht="15" customHeight="1" x14ac:dyDescent="0.25">
      <c r="A108" s="41" t="s">
        <v>359</v>
      </c>
      <c r="B108" s="41" t="s">
        <v>216</v>
      </c>
      <c r="C108" s="41" t="s">
        <v>217</v>
      </c>
      <c r="D108" s="42" t="s">
        <v>200</v>
      </c>
      <c r="E108" s="24">
        <v>2286</v>
      </c>
      <c r="F108" s="43" t="s">
        <v>213</v>
      </c>
      <c r="G108" s="35" t="s">
        <v>241</v>
      </c>
      <c r="H108" s="25" t="s">
        <v>47</v>
      </c>
    </row>
    <row r="109" spans="1:8" ht="15" customHeight="1" x14ac:dyDescent="0.25">
      <c r="A109" s="44" t="s">
        <v>117</v>
      </c>
      <c r="B109" s="44" t="s">
        <v>117</v>
      </c>
      <c r="C109" s="44" t="s">
        <v>360</v>
      </c>
      <c r="D109" s="46" t="s">
        <v>0</v>
      </c>
      <c r="E109" s="44">
        <v>100</v>
      </c>
      <c r="F109" s="44" t="s">
        <v>0</v>
      </c>
      <c r="G109" s="47" t="s">
        <v>370</v>
      </c>
      <c r="H109" s="48" t="s">
        <v>371</v>
      </c>
    </row>
    <row r="110" spans="1:8" ht="15" customHeight="1" x14ac:dyDescent="0.25">
      <c r="A110" s="44" t="s">
        <v>117</v>
      </c>
      <c r="B110" s="44" t="s">
        <v>117</v>
      </c>
      <c r="C110" s="44" t="s">
        <v>360</v>
      </c>
      <c r="D110" s="46" t="s">
        <v>1</v>
      </c>
      <c r="E110" s="44">
        <v>101</v>
      </c>
      <c r="F110" s="44" t="s">
        <v>118</v>
      </c>
      <c r="G110" s="41" t="s">
        <v>3</v>
      </c>
      <c r="H110" s="41" t="s">
        <v>37</v>
      </c>
    </row>
    <row r="111" spans="1:8" ht="15" customHeight="1" x14ac:dyDescent="0.25">
      <c r="A111" s="44" t="s">
        <v>117</v>
      </c>
      <c r="B111" s="44" t="s">
        <v>117</v>
      </c>
      <c r="C111" s="44" t="s">
        <v>360</v>
      </c>
      <c r="D111" s="46" t="s">
        <v>4</v>
      </c>
      <c r="E111" s="44">
        <v>111</v>
      </c>
      <c r="F111" s="44" t="s">
        <v>4</v>
      </c>
      <c r="G111" s="41" t="s">
        <v>5</v>
      </c>
      <c r="H111" s="41" t="s">
        <v>38</v>
      </c>
    </row>
    <row r="112" spans="1:8" ht="15" customHeight="1" x14ac:dyDescent="0.25">
      <c r="A112" s="44" t="s">
        <v>117</v>
      </c>
      <c r="B112" s="44" t="s">
        <v>117</v>
      </c>
      <c r="C112" s="44" t="s">
        <v>360</v>
      </c>
      <c r="D112" s="46" t="s">
        <v>4</v>
      </c>
      <c r="E112" s="44">
        <v>112</v>
      </c>
      <c r="F112" s="44" t="s">
        <v>6</v>
      </c>
      <c r="G112" s="41" t="s">
        <v>7</v>
      </c>
      <c r="H112" s="41" t="s">
        <v>6</v>
      </c>
    </row>
    <row r="113" spans="1:8" ht="15" customHeight="1" x14ac:dyDescent="0.25">
      <c r="A113" s="44" t="s">
        <v>117</v>
      </c>
      <c r="B113" s="44" t="s">
        <v>117</v>
      </c>
      <c r="C113" s="44" t="s">
        <v>360</v>
      </c>
      <c r="D113" s="46" t="s">
        <v>4</v>
      </c>
      <c r="E113" s="44">
        <v>113</v>
      </c>
      <c r="F113" s="44" t="s">
        <v>24</v>
      </c>
      <c r="G113" s="41" t="s">
        <v>8</v>
      </c>
      <c r="H113" s="41" t="s">
        <v>39</v>
      </c>
    </row>
    <row r="114" spans="1:8" ht="15" customHeight="1" x14ac:dyDescent="0.25">
      <c r="A114" s="44" t="s">
        <v>117</v>
      </c>
      <c r="B114" s="44" t="s">
        <v>117</v>
      </c>
      <c r="C114" s="44" t="s">
        <v>360</v>
      </c>
      <c r="D114" s="46" t="s">
        <v>4</v>
      </c>
      <c r="E114" s="44">
        <v>114</v>
      </c>
      <c r="F114" s="44" t="s">
        <v>25</v>
      </c>
      <c r="G114" s="41" t="s">
        <v>8</v>
      </c>
      <c r="H114" s="41" t="s">
        <v>39</v>
      </c>
    </row>
    <row r="115" spans="1:8" ht="15" customHeight="1" x14ac:dyDescent="0.25">
      <c r="A115" s="44" t="s">
        <v>117</v>
      </c>
      <c r="B115" s="44" t="s">
        <v>117</v>
      </c>
      <c r="C115" s="44" t="s">
        <v>360</v>
      </c>
      <c r="D115" s="46" t="s">
        <v>4</v>
      </c>
      <c r="E115" s="44">
        <v>116</v>
      </c>
      <c r="F115" s="44" t="s">
        <v>26</v>
      </c>
      <c r="G115" s="41" t="s">
        <v>5</v>
      </c>
      <c r="H115" s="41" t="s">
        <v>38</v>
      </c>
    </row>
    <row r="116" spans="1:8" ht="15" customHeight="1" x14ac:dyDescent="0.25">
      <c r="A116" s="44" t="s">
        <v>117</v>
      </c>
      <c r="B116" s="44" t="s">
        <v>117</v>
      </c>
      <c r="C116" s="44" t="s">
        <v>360</v>
      </c>
      <c r="D116" s="46" t="s">
        <v>4</v>
      </c>
      <c r="E116" s="44">
        <v>120</v>
      </c>
      <c r="F116" s="44" t="s">
        <v>9</v>
      </c>
      <c r="G116" s="41" t="s">
        <v>5</v>
      </c>
      <c r="H116" s="41" t="s">
        <v>38</v>
      </c>
    </row>
    <row r="117" spans="1:8" ht="15" customHeight="1" x14ac:dyDescent="0.25">
      <c r="A117" s="44" t="s">
        <v>117</v>
      </c>
      <c r="B117" s="44" t="s">
        <v>117</v>
      </c>
      <c r="C117" s="44" t="s">
        <v>360</v>
      </c>
      <c r="D117" s="46" t="s">
        <v>10</v>
      </c>
      <c r="E117" s="44">
        <v>131</v>
      </c>
      <c r="F117" s="44" t="s">
        <v>27</v>
      </c>
      <c r="G117" s="41" t="s">
        <v>11</v>
      </c>
      <c r="H117" s="41" t="s">
        <v>40</v>
      </c>
    </row>
    <row r="118" spans="1:8" ht="15" customHeight="1" x14ac:dyDescent="0.25">
      <c r="A118" s="44" t="s">
        <v>117</v>
      </c>
      <c r="B118" s="44" t="s">
        <v>117</v>
      </c>
      <c r="C118" s="44" t="s">
        <v>360</v>
      </c>
      <c r="D118" s="46" t="s">
        <v>10</v>
      </c>
      <c r="E118" s="44">
        <v>132</v>
      </c>
      <c r="F118" s="44" t="s">
        <v>28</v>
      </c>
      <c r="G118" s="41" t="s">
        <v>12</v>
      </c>
      <c r="H118" s="41" t="s">
        <v>41</v>
      </c>
    </row>
    <row r="119" spans="1:8" ht="15" customHeight="1" x14ac:dyDescent="0.25">
      <c r="A119" s="44" t="s">
        <v>117</v>
      </c>
      <c r="B119" s="44" t="s">
        <v>117</v>
      </c>
      <c r="C119" s="44" t="s">
        <v>360</v>
      </c>
      <c r="D119" s="46" t="s">
        <v>10</v>
      </c>
      <c r="E119" s="44">
        <v>133</v>
      </c>
      <c r="F119" s="44" t="s">
        <v>29</v>
      </c>
      <c r="G119" s="41" t="s">
        <v>12</v>
      </c>
      <c r="H119" s="41" t="s">
        <v>41</v>
      </c>
    </row>
    <row r="120" spans="1:8" ht="15" customHeight="1" x14ac:dyDescent="0.25">
      <c r="A120" s="44" t="s">
        <v>117</v>
      </c>
      <c r="B120" s="44" t="s">
        <v>117</v>
      </c>
      <c r="C120" s="44" t="s">
        <v>360</v>
      </c>
      <c r="D120" s="46" t="s">
        <v>10</v>
      </c>
      <c r="E120" s="44">
        <v>137</v>
      </c>
      <c r="F120" s="44" t="s">
        <v>30</v>
      </c>
      <c r="G120" s="41" t="s">
        <v>13</v>
      </c>
      <c r="H120" s="41" t="s">
        <v>42</v>
      </c>
    </row>
    <row r="121" spans="1:8" ht="15" customHeight="1" x14ac:dyDescent="0.25">
      <c r="A121" s="44" t="s">
        <v>117</v>
      </c>
      <c r="B121" s="44" t="s">
        <v>117</v>
      </c>
      <c r="C121" s="44" t="s">
        <v>360</v>
      </c>
      <c r="D121" s="46" t="s">
        <v>10</v>
      </c>
      <c r="E121" s="44">
        <v>139</v>
      </c>
      <c r="F121" s="44" t="s">
        <v>31</v>
      </c>
      <c r="G121" s="41" t="s">
        <v>12</v>
      </c>
      <c r="H121" s="41" t="s">
        <v>41</v>
      </c>
    </row>
    <row r="122" spans="1:8" ht="15" customHeight="1" x14ac:dyDescent="0.25">
      <c r="A122" s="44" t="s">
        <v>117</v>
      </c>
      <c r="B122" s="44" t="s">
        <v>117</v>
      </c>
      <c r="C122" s="44" t="s">
        <v>360</v>
      </c>
      <c r="D122" s="46" t="s">
        <v>10</v>
      </c>
      <c r="E122" s="44">
        <v>140</v>
      </c>
      <c r="F122" s="44" t="s">
        <v>32</v>
      </c>
      <c r="G122" s="41" t="s">
        <v>11</v>
      </c>
      <c r="H122" s="41" t="s">
        <v>40</v>
      </c>
    </row>
    <row r="123" spans="1:8" ht="15" customHeight="1" x14ac:dyDescent="0.25">
      <c r="A123" s="44" t="s">
        <v>117</v>
      </c>
      <c r="B123" s="44" t="s">
        <v>117</v>
      </c>
      <c r="C123" s="44" t="s">
        <v>360</v>
      </c>
      <c r="D123" s="46" t="s">
        <v>14</v>
      </c>
      <c r="E123" s="44">
        <v>151</v>
      </c>
      <c r="F123" s="44" t="s">
        <v>14</v>
      </c>
      <c r="G123" s="41" t="s">
        <v>15</v>
      </c>
      <c r="H123" s="41" t="s">
        <v>43</v>
      </c>
    </row>
    <row r="124" spans="1:8" ht="15" customHeight="1" x14ac:dyDescent="0.25">
      <c r="A124" s="44" t="s">
        <v>117</v>
      </c>
      <c r="B124" s="44" t="s">
        <v>117</v>
      </c>
      <c r="C124" s="44" t="s">
        <v>360</v>
      </c>
      <c r="D124" s="46" t="s">
        <v>14</v>
      </c>
      <c r="E124" s="44">
        <v>152</v>
      </c>
      <c r="F124" s="44" t="s">
        <v>33</v>
      </c>
      <c r="G124" s="41" t="s">
        <v>404</v>
      </c>
      <c r="H124" s="41" t="s">
        <v>405</v>
      </c>
    </row>
    <row r="125" spans="1:8" ht="15" customHeight="1" x14ac:dyDescent="0.25">
      <c r="A125" s="44" t="s">
        <v>117</v>
      </c>
      <c r="B125" s="44" t="s">
        <v>117</v>
      </c>
      <c r="C125" s="44" t="s">
        <v>360</v>
      </c>
      <c r="D125" s="46" t="s">
        <v>14</v>
      </c>
      <c r="E125" s="44">
        <v>153</v>
      </c>
      <c r="F125" s="44" t="s">
        <v>34</v>
      </c>
      <c r="G125" s="41" t="s">
        <v>16</v>
      </c>
      <c r="H125" s="41" t="s">
        <v>45</v>
      </c>
    </row>
    <row r="126" spans="1:8" ht="15" customHeight="1" x14ac:dyDescent="0.25">
      <c r="A126" s="44" t="s">
        <v>117</v>
      </c>
      <c r="B126" s="44" t="s">
        <v>117</v>
      </c>
      <c r="C126" s="44" t="s">
        <v>360</v>
      </c>
      <c r="D126" s="46" t="s">
        <v>14</v>
      </c>
      <c r="E126" s="44">
        <v>156</v>
      </c>
      <c r="F126" s="44" t="s">
        <v>17</v>
      </c>
      <c r="G126" s="41" t="s">
        <v>15</v>
      </c>
      <c r="H126" s="41" t="s">
        <v>43</v>
      </c>
    </row>
    <row r="127" spans="1:8" ht="15" customHeight="1" x14ac:dyDescent="0.25">
      <c r="A127" s="44" t="s">
        <v>117</v>
      </c>
      <c r="B127" s="44" t="s">
        <v>117</v>
      </c>
      <c r="C127" s="44" t="s">
        <v>360</v>
      </c>
      <c r="D127" s="46" t="s">
        <v>14</v>
      </c>
      <c r="E127" s="44">
        <v>157</v>
      </c>
      <c r="F127" s="44" t="s">
        <v>35</v>
      </c>
      <c r="G127" s="41" t="s">
        <v>15</v>
      </c>
      <c r="H127" s="41" t="s">
        <v>43</v>
      </c>
    </row>
    <row r="128" spans="1:8" ht="15" customHeight="1" x14ac:dyDescent="0.25">
      <c r="A128" s="44" t="s">
        <v>117</v>
      </c>
      <c r="B128" s="44" t="s">
        <v>117</v>
      </c>
      <c r="C128" s="44" t="s">
        <v>360</v>
      </c>
      <c r="D128" s="46" t="s">
        <v>14</v>
      </c>
      <c r="E128" s="44">
        <v>158</v>
      </c>
      <c r="F128" s="44" t="s">
        <v>36</v>
      </c>
      <c r="G128" s="41" t="s">
        <v>18</v>
      </c>
      <c r="H128" s="41" t="s">
        <v>46</v>
      </c>
    </row>
    <row r="129" spans="1:8" ht="15" customHeight="1" x14ac:dyDescent="0.25">
      <c r="A129" s="44" t="s">
        <v>117</v>
      </c>
      <c r="B129" s="44" t="s">
        <v>117</v>
      </c>
      <c r="C129" s="44" t="s">
        <v>360</v>
      </c>
      <c r="D129" s="46" t="s">
        <v>19</v>
      </c>
      <c r="E129" s="44">
        <v>191</v>
      </c>
      <c r="F129" s="44" t="s">
        <v>19</v>
      </c>
      <c r="G129" s="41" t="s">
        <v>20</v>
      </c>
      <c r="H129" s="41" t="s">
        <v>47</v>
      </c>
    </row>
    <row r="130" spans="1:8" ht="15" customHeight="1" x14ac:dyDescent="0.25">
      <c r="A130" s="44" t="s">
        <v>117</v>
      </c>
      <c r="B130" s="44" t="s">
        <v>117</v>
      </c>
      <c r="C130" s="44" t="s">
        <v>360</v>
      </c>
      <c r="D130" s="46" t="s">
        <v>21</v>
      </c>
      <c r="E130" s="44">
        <v>261</v>
      </c>
      <c r="F130" s="44" t="s">
        <v>21</v>
      </c>
      <c r="G130" s="41" t="s">
        <v>20</v>
      </c>
      <c r="H130" s="41" t="s">
        <v>47</v>
      </c>
    </row>
    <row r="131" spans="1:8" ht="15" customHeight="1" x14ac:dyDescent="0.25">
      <c r="A131" s="41" t="s">
        <v>359</v>
      </c>
      <c r="B131" s="41" t="s">
        <v>214</v>
      </c>
      <c r="C131" s="41" t="s">
        <v>215</v>
      </c>
      <c r="D131" s="42" t="s">
        <v>0</v>
      </c>
      <c r="E131" s="24">
        <v>100</v>
      </c>
      <c r="F131" s="43" t="s">
        <v>0</v>
      </c>
      <c r="G131" s="35" t="s">
        <v>218</v>
      </c>
      <c r="H131" s="25" t="s">
        <v>366</v>
      </c>
    </row>
    <row r="132" spans="1:8" ht="15" customHeight="1" x14ac:dyDescent="0.25">
      <c r="A132" s="41" t="s">
        <v>359</v>
      </c>
      <c r="B132" s="41" t="s">
        <v>214</v>
      </c>
      <c r="C132" s="41" t="s">
        <v>215</v>
      </c>
      <c r="D132" s="42" t="s">
        <v>1</v>
      </c>
      <c r="E132" s="24">
        <v>101</v>
      </c>
      <c r="F132" s="43" t="s">
        <v>118</v>
      </c>
      <c r="G132" s="35" t="s">
        <v>219</v>
      </c>
      <c r="H132" s="25" t="s">
        <v>37</v>
      </c>
    </row>
    <row r="133" spans="1:8" ht="15" customHeight="1" x14ac:dyDescent="0.25">
      <c r="A133" s="41" t="s">
        <v>359</v>
      </c>
      <c r="B133" s="41" t="s">
        <v>214</v>
      </c>
      <c r="C133" s="41" t="s">
        <v>215</v>
      </c>
      <c r="D133" s="42" t="s">
        <v>4</v>
      </c>
      <c r="E133" s="24">
        <v>111</v>
      </c>
      <c r="F133" s="43" t="s">
        <v>4</v>
      </c>
      <c r="G133" s="68" t="s">
        <v>391</v>
      </c>
      <c r="H133" s="25" t="s">
        <v>399</v>
      </c>
    </row>
    <row r="134" spans="1:8" ht="15" customHeight="1" x14ac:dyDescent="0.25">
      <c r="A134" s="41" t="s">
        <v>359</v>
      </c>
      <c r="B134" s="41" t="s">
        <v>214</v>
      </c>
      <c r="C134" s="41" t="s">
        <v>215</v>
      </c>
      <c r="D134" s="42" t="s">
        <v>4</v>
      </c>
      <c r="E134" s="24">
        <v>112</v>
      </c>
      <c r="F134" s="43" t="s">
        <v>6</v>
      </c>
      <c r="G134" s="35" t="s">
        <v>220</v>
      </c>
      <c r="H134" s="41" t="s">
        <v>367</v>
      </c>
    </row>
    <row r="135" spans="1:8" ht="15" customHeight="1" x14ac:dyDescent="0.25">
      <c r="A135" s="41" t="s">
        <v>359</v>
      </c>
      <c r="B135" s="41" t="s">
        <v>214</v>
      </c>
      <c r="C135" s="41" t="s">
        <v>215</v>
      </c>
      <c r="D135" s="42" t="s">
        <v>4</v>
      </c>
      <c r="E135" s="24">
        <v>113</v>
      </c>
      <c r="F135" s="43" t="s">
        <v>24</v>
      </c>
      <c r="G135" s="68" t="s">
        <v>392</v>
      </c>
      <c r="H135" s="25" t="s">
        <v>402</v>
      </c>
    </row>
    <row r="136" spans="1:8" ht="15" customHeight="1" x14ac:dyDescent="0.25">
      <c r="A136" s="41" t="s">
        <v>359</v>
      </c>
      <c r="B136" s="41" t="s">
        <v>214</v>
      </c>
      <c r="C136" s="41" t="s">
        <v>215</v>
      </c>
      <c r="D136" s="42" t="s">
        <v>4</v>
      </c>
      <c r="E136" s="24">
        <v>114</v>
      </c>
      <c r="F136" s="43" t="s">
        <v>25</v>
      </c>
      <c r="G136" s="68" t="s">
        <v>392</v>
      </c>
      <c r="H136" s="25" t="s">
        <v>402</v>
      </c>
    </row>
    <row r="137" spans="1:8" ht="15" customHeight="1" x14ac:dyDescent="0.25">
      <c r="A137" s="41" t="s">
        <v>359</v>
      </c>
      <c r="B137" s="41" t="s">
        <v>214</v>
      </c>
      <c r="C137" s="41" t="s">
        <v>215</v>
      </c>
      <c r="D137" s="42" t="s">
        <v>4</v>
      </c>
      <c r="E137" s="24">
        <v>116</v>
      </c>
      <c r="F137" s="43" t="s">
        <v>26</v>
      </c>
      <c r="G137" s="68" t="s">
        <v>393</v>
      </c>
      <c r="H137" s="25" t="s">
        <v>398</v>
      </c>
    </row>
    <row r="138" spans="1:8" ht="15" customHeight="1" x14ac:dyDescent="0.25">
      <c r="A138" s="41" t="s">
        <v>359</v>
      </c>
      <c r="B138" s="41" t="s">
        <v>214</v>
      </c>
      <c r="C138" s="41" t="s">
        <v>215</v>
      </c>
      <c r="D138" s="42" t="s">
        <v>4</v>
      </c>
      <c r="E138" s="24">
        <v>120</v>
      </c>
      <c r="F138" s="43" t="s">
        <v>9</v>
      </c>
      <c r="G138" s="25" t="s">
        <v>218</v>
      </c>
      <c r="H138" s="25" t="s">
        <v>39</v>
      </c>
    </row>
    <row r="139" spans="1:8" ht="15" customHeight="1" x14ac:dyDescent="0.25">
      <c r="A139" s="41" t="s">
        <v>359</v>
      </c>
      <c r="B139" s="41" t="s">
        <v>214</v>
      </c>
      <c r="C139" s="41" t="s">
        <v>215</v>
      </c>
      <c r="D139" s="42" t="s">
        <v>10</v>
      </c>
      <c r="E139" s="25">
        <v>131</v>
      </c>
      <c r="F139" s="43" t="s">
        <v>27</v>
      </c>
      <c r="G139" s="25" t="s">
        <v>221</v>
      </c>
      <c r="H139" s="41" t="s">
        <v>400</v>
      </c>
    </row>
    <row r="140" spans="1:8" ht="15" customHeight="1" x14ac:dyDescent="0.25">
      <c r="A140" s="41" t="s">
        <v>359</v>
      </c>
      <c r="B140" s="41" t="s">
        <v>214</v>
      </c>
      <c r="C140" s="41" t="s">
        <v>215</v>
      </c>
      <c r="D140" s="42" t="s">
        <v>10</v>
      </c>
      <c r="E140" s="24">
        <v>132</v>
      </c>
      <c r="F140" s="43" t="s">
        <v>28</v>
      </c>
      <c r="G140" s="25" t="s">
        <v>222</v>
      </c>
      <c r="H140" s="41" t="s">
        <v>368</v>
      </c>
    </row>
    <row r="141" spans="1:8" ht="15" customHeight="1" x14ac:dyDescent="0.25">
      <c r="A141" s="41" t="s">
        <v>359</v>
      </c>
      <c r="B141" s="41" t="s">
        <v>214</v>
      </c>
      <c r="C141" s="41" t="s">
        <v>215</v>
      </c>
      <c r="D141" s="42" t="s">
        <v>10</v>
      </c>
      <c r="E141" s="24">
        <v>133</v>
      </c>
      <c r="F141" s="43" t="s">
        <v>29</v>
      </c>
      <c r="G141" s="68" t="s">
        <v>394</v>
      </c>
      <c r="H141" s="41" t="s">
        <v>397</v>
      </c>
    </row>
    <row r="142" spans="1:8" ht="15" customHeight="1" x14ac:dyDescent="0.25">
      <c r="A142" s="41" t="s">
        <v>359</v>
      </c>
      <c r="B142" s="41" t="s">
        <v>214</v>
      </c>
      <c r="C142" s="41" t="s">
        <v>215</v>
      </c>
      <c r="D142" s="42" t="s">
        <v>10</v>
      </c>
      <c r="E142" s="24">
        <v>134</v>
      </c>
      <c r="F142" s="35" t="s">
        <v>119</v>
      </c>
      <c r="G142" s="68" t="s">
        <v>221</v>
      </c>
      <c r="H142" s="41" t="s">
        <v>400</v>
      </c>
    </row>
    <row r="143" spans="1:8" ht="15" customHeight="1" x14ac:dyDescent="0.25">
      <c r="A143" s="41" t="s">
        <v>359</v>
      </c>
      <c r="B143" s="41" t="s">
        <v>214</v>
      </c>
      <c r="C143" s="41" t="s">
        <v>215</v>
      </c>
      <c r="D143" s="42" t="s">
        <v>10</v>
      </c>
      <c r="E143" s="24">
        <v>135</v>
      </c>
      <c r="F143" s="35" t="s">
        <v>364</v>
      </c>
      <c r="G143" s="25" t="s">
        <v>222</v>
      </c>
      <c r="H143" s="41" t="s">
        <v>368</v>
      </c>
    </row>
    <row r="144" spans="1:8" ht="15" customHeight="1" x14ac:dyDescent="0.25">
      <c r="A144" s="41" t="s">
        <v>359</v>
      </c>
      <c r="B144" s="41" t="s">
        <v>214</v>
      </c>
      <c r="C144" s="41" t="s">
        <v>215</v>
      </c>
      <c r="D144" s="42" t="s">
        <v>10</v>
      </c>
      <c r="E144" s="24">
        <v>137</v>
      </c>
      <c r="F144" s="43" t="s">
        <v>30</v>
      </c>
      <c r="G144" s="25" t="s">
        <v>223</v>
      </c>
      <c r="H144" s="41" t="s">
        <v>42</v>
      </c>
    </row>
    <row r="145" spans="1:8" ht="15" customHeight="1" x14ac:dyDescent="0.25">
      <c r="A145" s="41" t="s">
        <v>359</v>
      </c>
      <c r="B145" s="41" t="s">
        <v>214</v>
      </c>
      <c r="C145" s="41" t="s">
        <v>215</v>
      </c>
      <c r="D145" s="42" t="s">
        <v>10</v>
      </c>
      <c r="E145" s="24">
        <v>138</v>
      </c>
      <c r="F145" s="35" t="s">
        <v>121</v>
      </c>
      <c r="G145" s="25" t="s">
        <v>223</v>
      </c>
      <c r="H145" s="41" t="s">
        <v>42</v>
      </c>
    </row>
    <row r="146" spans="1:8" ht="15" customHeight="1" x14ac:dyDescent="0.25">
      <c r="A146" s="41" t="s">
        <v>359</v>
      </c>
      <c r="B146" s="41" t="s">
        <v>214</v>
      </c>
      <c r="C146" s="41" t="s">
        <v>215</v>
      </c>
      <c r="D146" s="42" t="s">
        <v>10</v>
      </c>
      <c r="E146" s="24">
        <v>139</v>
      </c>
      <c r="F146" s="43" t="s">
        <v>31</v>
      </c>
      <c r="G146" s="68" t="s">
        <v>221</v>
      </c>
      <c r="H146" s="41" t="s">
        <v>400</v>
      </c>
    </row>
    <row r="147" spans="1:8" ht="15" customHeight="1" x14ac:dyDescent="0.25">
      <c r="A147" s="41" t="s">
        <v>359</v>
      </c>
      <c r="B147" s="41" t="s">
        <v>214</v>
      </c>
      <c r="C147" s="41" t="s">
        <v>215</v>
      </c>
      <c r="D147" s="42" t="s">
        <v>10</v>
      </c>
      <c r="E147" s="24">
        <v>140</v>
      </c>
      <c r="F147" s="43" t="s">
        <v>32</v>
      </c>
      <c r="G147" s="25" t="s">
        <v>221</v>
      </c>
      <c r="H147" s="41" t="s">
        <v>400</v>
      </c>
    </row>
    <row r="148" spans="1:8" ht="15" customHeight="1" x14ac:dyDescent="0.25">
      <c r="A148" s="41" t="s">
        <v>359</v>
      </c>
      <c r="B148" s="41" t="s">
        <v>214</v>
      </c>
      <c r="C148" s="41" t="s">
        <v>215</v>
      </c>
      <c r="D148" s="42" t="s">
        <v>14</v>
      </c>
      <c r="E148" s="24">
        <v>151</v>
      </c>
      <c r="F148" s="43" t="s">
        <v>14</v>
      </c>
      <c r="G148" s="25" t="s">
        <v>224</v>
      </c>
      <c r="H148" s="41" t="s">
        <v>43</v>
      </c>
    </row>
    <row r="149" spans="1:8" ht="15" customHeight="1" x14ac:dyDescent="0.25">
      <c r="A149" s="41" t="s">
        <v>359</v>
      </c>
      <c r="B149" s="41" t="s">
        <v>214</v>
      </c>
      <c r="C149" s="41" t="s">
        <v>215</v>
      </c>
      <c r="D149" s="42" t="s">
        <v>14</v>
      </c>
      <c r="E149" s="24">
        <v>152</v>
      </c>
      <c r="F149" s="43" t="s">
        <v>33</v>
      </c>
      <c r="G149" s="25" t="s">
        <v>225</v>
      </c>
      <c r="H149" s="41" t="s">
        <v>388</v>
      </c>
    </row>
    <row r="150" spans="1:8" ht="15" customHeight="1" x14ac:dyDescent="0.25">
      <c r="A150" s="41" t="s">
        <v>359</v>
      </c>
      <c r="B150" s="41" t="s">
        <v>214</v>
      </c>
      <c r="C150" s="41" t="s">
        <v>215</v>
      </c>
      <c r="D150" s="42" t="s">
        <v>14</v>
      </c>
      <c r="E150" s="24">
        <v>153</v>
      </c>
      <c r="F150" s="43" t="s">
        <v>34</v>
      </c>
      <c r="G150" s="25" t="s">
        <v>226</v>
      </c>
      <c r="H150" s="25" t="s">
        <v>45</v>
      </c>
    </row>
    <row r="151" spans="1:8" ht="15" customHeight="1" x14ac:dyDescent="0.25">
      <c r="A151" s="41" t="s">
        <v>359</v>
      </c>
      <c r="B151" s="41" t="s">
        <v>214</v>
      </c>
      <c r="C151" s="41" t="s">
        <v>215</v>
      </c>
      <c r="D151" s="42" t="s">
        <v>14</v>
      </c>
      <c r="E151" s="24">
        <v>154</v>
      </c>
      <c r="F151" s="35" t="s">
        <v>122</v>
      </c>
      <c r="G151" s="25" t="s">
        <v>224</v>
      </c>
      <c r="H151" s="41" t="s">
        <v>43</v>
      </c>
    </row>
    <row r="152" spans="1:8" ht="15" customHeight="1" x14ac:dyDescent="0.25">
      <c r="A152" s="41" t="s">
        <v>359</v>
      </c>
      <c r="B152" s="41" t="s">
        <v>214</v>
      </c>
      <c r="C152" s="41" t="s">
        <v>215</v>
      </c>
      <c r="D152" s="42" t="s">
        <v>14</v>
      </c>
      <c r="E152" s="24">
        <v>155</v>
      </c>
      <c r="F152" s="35" t="s">
        <v>123</v>
      </c>
      <c r="G152" s="25" t="s">
        <v>224</v>
      </c>
      <c r="H152" s="41" t="s">
        <v>43</v>
      </c>
    </row>
    <row r="153" spans="1:8" ht="15" customHeight="1" x14ac:dyDescent="0.25">
      <c r="A153" s="41" t="s">
        <v>359</v>
      </c>
      <c r="B153" s="41" t="s">
        <v>214</v>
      </c>
      <c r="C153" s="41" t="s">
        <v>215</v>
      </c>
      <c r="D153" s="42" t="s">
        <v>14</v>
      </c>
      <c r="E153" s="24">
        <v>156</v>
      </c>
      <c r="F153" s="43" t="s">
        <v>17</v>
      </c>
      <c r="G153" s="25" t="s">
        <v>224</v>
      </c>
      <c r="H153" s="41" t="s">
        <v>43</v>
      </c>
    </row>
    <row r="154" spans="1:8" ht="15" customHeight="1" x14ac:dyDescent="0.25">
      <c r="A154" s="41" t="s">
        <v>359</v>
      </c>
      <c r="B154" s="41" t="s">
        <v>214</v>
      </c>
      <c r="C154" s="41" t="s">
        <v>215</v>
      </c>
      <c r="D154" s="42" t="s">
        <v>14</v>
      </c>
      <c r="E154" s="24">
        <v>157</v>
      </c>
      <c r="F154" s="43" t="s">
        <v>35</v>
      </c>
      <c r="G154" s="25" t="s">
        <v>224</v>
      </c>
      <c r="H154" s="41" t="s">
        <v>43</v>
      </c>
    </row>
    <row r="155" spans="1:8" ht="15" customHeight="1" x14ac:dyDescent="0.25">
      <c r="A155" s="41" t="s">
        <v>359</v>
      </c>
      <c r="B155" s="41" t="s">
        <v>214</v>
      </c>
      <c r="C155" s="41" t="s">
        <v>215</v>
      </c>
      <c r="D155" s="42" t="s">
        <v>14</v>
      </c>
      <c r="E155" s="24">
        <v>158</v>
      </c>
      <c r="F155" s="43" t="s">
        <v>36</v>
      </c>
      <c r="G155" s="25" t="s">
        <v>227</v>
      </c>
      <c r="H155" s="41" t="s">
        <v>369</v>
      </c>
    </row>
    <row r="156" spans="1:8" ht="15" customHeight="1" x14ac:dyDescent="0.25">
      <c r="A156" s="41" t="s">
        <v>359</v>
      </c>
      <c r="B156" s="41" t="s">
        <v>214</v>
      </c>
      <c r="C156" s="41" t="s">
        <v>215</v>
      </c>
      <c r="D156" s="42" t="s">
        <v>14</v>
      </c>
      <c r="E156" s="24">
        <v>159</v>
      </c>
      <c r="F156" s="35" t="s">
        <v>124</v>
      </c>
      <c r="G156" s="25" t="s">
        <v>227</v>
      </c>
      <c r="H156" s="41" t="s">
        <v>369</v>
      </c>
    </row>
    <row r="157" spans="1:8" ht="15" customHeight="1" x14ac:dyDescent="0.25">
      <c r="A157" s="41" t="s">
        <v>359</v>
      </c>
      <c r="B157" s="41" t="s">
        <v>214</v>
      </c>
      <c r="C157" s="41" t="s">
        <v>215</v>
      </c>
      <c r="D157" s="42" t="s">
        <v>125</v>
      </c>
      <c r="E157" s="24">
        <v>204</v>
      </c>
      <c r="F157" s="43" t="s">
        <v>126</v>
      </c>
      <c r="G157" s="35" t="s">
        <v>229</v>
      </c>
      <c r="H157" s="25" t="s">
        <v>47</v>
      </c>
    </row>
    <row r="158" spans="1:8" ht="15" customHeight="1" x14ac:dyDescent="0.25">
      <c r="A158" s="41" t="s">
        <v>359</v>
      </c>
      <c r="B158" s="41" t="s">
        <v>214</v>
      </c>
      <c r="C158" s="41" t="s">
        <v>215</v>
      </c>
      <c r="D158" s="42" t="s">
        <v>125</v>
      </c>
      <c r="E158" s="24">
        <v>205</v>
      </c>
      <c r="F158" s="43" t="s">
        <v>127</v>
      </c>
      <c r="G158" s="35" t="s">
        <v>229</v>
      </c>
      <c r="H158" s="25" t="s">
        <v>47</v>
      </c>
    </row>
    <row r="159" spans="1:8" ht="15" customHeight="1" x14ac:dyDescent="0.25">
      <c r="A159" s="41" t="s">
        <v>359</v>
      </c>
      <c r="B159" s="41" t="s">
        <v>214</v>
      </c>
      <c r="C159" s="41" t="s">
        <v>215</v>
      </c>
      <c r="D159" s="42" t="s">
        <v>125</v>
      </c>
      <c r="E159" s="24">
        <v>206</v>
      </c>
      <c r="F159" s="43" t="s">
        <v>128</v>
      </c>
      <c r="G159" s="35" t="s">
        <v>229</v>
      </c>
      <c r="H159" s="25" t="s">
        <v>47</v>
      </c>
    </row>
    <row r="160" spans="1:8" ht="15" customHeight="1" x14ac:dyDescent="0.25">
      <c r="A160" s="41" t="s">
        <v>359</v>
      </c>
      <c r="B160" s="41" t="s">
        <v>214</v>
      </c>
      <c r="C160" s="41" t="s">
        <v>215</v>
      </c>
      <c r="D160" s="42" t="s">
        <v>129</v>
      </c>
      <c r="E160" s="24">
        <v>211</v>
      </c>
      <c r="F160" s="43" t="s">
        <v>130</v>
      </c>
      <c r="G160" s="35" t="s">
        <v>229</v>
      </c>
      <c r="H160" s="25" t="s">
        <v>47</v>
      </c>
    </row>
    <row r="161" spans="1:8" ht="15" customHeight="1" x14ac:dyDescent="0.25">
      <c r="A161" s="41" t="s">
        <v>359</v>
      </c>
      <c r="B161" s="41" t="s">
        <v>214</v>
      </c>
      <c r="C161" s="41" t="s">
        <v>215</v>
      </c>
      <c r="D161" s="42" t="s">
        <v>129</v>
      </c>
      <c r="E161" s="24">
        <v>212</v>
      </c>
      <c r="F161" s="43" t="s">
        <v>131</v>
      </c>
      <c r="G161" s="35" t="s">
        <v>229</v>
      </c>
      <c r="H161" s="25" t="s">
        <v>47</v>
      </c>
    </row>
    <row r="162" spans="1:8" ht="15" customHeight="1" x14ac:dyDescent="0.25">
      <c r="A162" s="41" t="s">
        <v>359</v>
      </c>
      <c r="B162" s="41" t="s">
        <v>214</v>
      </c>
      <c r="C162" s="41" t="s">
        <v>215</v>
      </c>
      <c r="D162" s="42" t="s">
        <v>132</v>
      </c>
      <c r="E162" s="24">
        <v>231</v>
      </c>
      <c r="F162" s="43" t="s">
        <v>133</v>
      </c>
      <c r="G162" s="35" t="s">
        <v>229</v>
      </c>
      <c r="H162" s="25" t="s">
        <v>47</v>
      </c>
    </row>
    <row r="163" spans="1:8" ht="15" customHeight="1" x14ac:dyDescent="0.25">
      <c r="A163" s="41" t="s">
        <v>359</v>
      </c>
      <c r="B163" s="41" t="s">
        <v>214</v>
      </c>
      <c r="C163" s="41" t="s">
        <v>215</v>
      </c>
      <c r="D163" s="42" t="s">
        <v>132</v>
      </c>
      <c r="E163" s="24">
        <v>232</v>
      </c>
      <c r="F163" s="43" t="s">
        <v>134</v>
      </c>
      <c r="G163" s="35" t="s">
        <v>229</v>
      </c>
      <c r="H163" s="25" t="s">
        <v>47</v>
      </c>
    </row>
    <row r="164" spans="1:8" ht="15" customHeight="1" x14ac:dyDescent="0.25">
      <c r="A164" s="41" t="s">
        <v>359</v>
      </c>
      <c r="B164" s="41" t="s">
        <v>214</v>
      </c>
      <c r="C164" s="41" t="s">
        <v>215</v>
      </c>
      <c r="D164" s="42" t="s">
        <v>132</v>
      </c>
      <c r="E164" s="24">
        <v>233</v>
      </c>
      <c r="F164" s="43" t="s">
        <v>135</v>
      </c>
      <c r="G164" s="35" t="s">
        <v>229</v>
      </c>
      <c r="H164" s="25" t="s">
        <v>47</v>
      </c>
    </row>
    <row r="165" spans="1:8" ht="15" customHeight="1" x14ac:dyDescent="0.25">
      <c r="A165" s="41" t="s">
        <v>359</v>
      </c>
      <c r="B165" s="41" t="s">
        <v>214</v>
      </c>
      <c r="C165" s="41" t="s">
        <v>215</v>
      </c>
      <c r="D165" s="42" t="s">
        <v>136</v>
      </c>
      <c r="E165" s="24">
        <v>234</v>
      </c>
      <c r="F165" s="43" t="s">
        <v>137</v>
      </c>
      <c r="G165" s="35" t="s">
        <v>229</v>
      </c>
      <c r="H165" s="25" t="s">
        <v>47</v>
      </c>
    </row>
    <row r="166" spans="1:8" ht="15" customHeight="1" x14ac:dyDescent="0.25">
      <c r="A166" s="41" t="s">
        <v>359</v>
      </c>
      <c r="B166" s="41" t="s">
        <v>214</v>
      </c>
      <c r="C166" s="41" t="s">
        <v>215</v>
      </c>
      <c r="D166" s="42" t="s">
        <v>136</v>
      </c>
      <c r="E166" s="24">
        <v>235</v>
      </c>
      <c r="F166" s="43" t="s">
        <v>138</v>
      </c>
      <c r="G166" s="35" t="s">
        <v>229</v>
      </c>
      <c r="H166" s="25" t="s">
        <v>47</v>
      </c>
    </row>
    <row r="167" spans="1:8" ht="15" customHeight="1" x14ac:dyDescent="0.25">
      <c r="A167" s="41" t="s">
        <v>359</v>
      </c>
      <c r="B167" s="41" t="s">
        <v>214</v>
      </c>
      <c r="C167" s="41" t="s">
        <v>215</v>
      </c>
      <c r="D167" s="42" t="s">
        <v>136</v>
      </c>
      <c r="E167" s="24">
        <v>236</v>
      </c>
      <c r="F167" s="43" t="s">
        <v>139</v>
      </c>
      <c r="G167" s="35" t="s">
        <v>229</v>
      </c>
      <c r="H167" s="25" t="s">
        <v>47</v>
      </c>
    </row>
    <row r="168" spans="1:8" ht="15" customHeight="1" x14ac:dyDescent="0.25">
      <c r="A168" s="41" t="s">
        <v>359</v>
      </c>
      <c r="B168" s="41" t="s">
        <v>214</v>
      </c>
      <c r="C168" s="41" t="s">
        <v>215</v>
      </c>
      <c r="D168" s="42" t="s">
        <v>136</v>
      </c>
      <c r="E168" s="24">
        <v>237</v>
      </c>
      <c r="F168" s="43" t="s">
        <v>140</v>
      </c>
      <c r="G168" s="35" t="s">
        <v>229</v>
      </c>
      <c r="H168" s="25" t="s">
        <v>47</v>
      </c>
    </row>
    <row r="169" spans="1:8" ht="15" customHeight="1" x14ac:dyDescent="0.25">
      <c r="A169" s="41" t="s">
        <v>359</v>
      </c>
      <c r="B169" s="41" t="s">
        <v>214</v>
      </c>
      <c r="C169" s="41" t="s">
        <v>215</v>
      </c>
      <c r="D169" s="42" t="s">
        <v>136</v>
      </c>
      <c r="E169" s="24">
        <v>238</v>
      </c>
      <c r="F169" s="43" t="s">
        <v>141</v>
      </c>
      <c r="G169" s="35" t="s">
        <v>229</v>
      </c>
      <c r="H169" s="25" t="s">
        <v>47</v>
      </c>
    </row>
    <row r="170" spans="1:8" ht="15" customHeight="1" x14ac:dyDescent="0.25">
      <c r="A170" s="41" t="s">
        <v>359</v>
      </c>
      <c r="B170" s="41" t="s">
        <v>214</v>
      </c>
      <c r="C170" s="41" t="s">
        <v>215</v>
      </c>
      <c r="D170" s="42" t="s">
        <v>142</v>
      </c>
      <c r="E170" s="24">
        <v>241</v>
      </c>
      <c r="F170" s="43" t="s">
        <v>143</v>
      </c>
      <c r="G170" s="35" t="s">
        <v>229</v>
      </c>
      <c r="H170" s="25" t="s">
        <v>47</v>
      </c>
    </row>
    <row r="171" spans="1:8" ht="15" customHeight="1" x14ac:dyDescent="0.25">
      <c r="A171" s="41" t="s">
        <v>359</v>
      </c>
      <c r="B171" s="41" t="s">
        <v>214</v>
      </c>
      <c r="C171" s="41" t="s">
        <v>215</v>
      </c>
      <c r="D171" s="42" t="s">
        <v>142</v>
      </c>
      <c r="E171" s="24">
        <v>242</v>
      </c>
      <c r="F171" s="43" t="s">
        <v>144</v>
      </c>
      <c r="G171" s="35" t="s">
        <v>229</v>
      </c>
      <c r="H171" s="25" t="s">
        <v>47</v>
      </c>
    </row>
    <row r="172" spans="1:8" ht="15" customHeight="1" x14ac:dyDescent="0.25">
      <c r="A172" s="41" t="s">
        <v>359</v>
      </c>
      <c r="B172" s="41" t="s">
        <v>214</v>
      </c>
      <c r="C172" s="41" t="s">
        <v>215</v>
      </c>
      <c r="D172" s="42" t="s">
        <v>142</v>
      </c>
      <c r="E172" s="24">
        <v>243</v>
      </c>
      <c r="F172" s="43" t="s">
        <v>145</v>
      </c>
      <c r="G172" s="35" t="s">
        <v>229</v>
      </c>
      <c r="H172" s="25" t="s">
        <v>47</v>
      </c>
    </row>
    <row r="173" spans="1:8" ht="15" customHeight="1" x14ac:dyDescent="0.25">
      <c r="A173" s="41" t="s">
        <v>359</v>
      </c>
      <c r="B173" s="41" t="s">
        <v>214</v>
      </c>
      <c r="C173" s="41" t="s">
        <v>215</v>
      </c>
      <c r="D173" s="42" t="s">
        <v>142</v>
      </c>
      <c r="E173" s="24">
        <v>244</v>
      </c>
      <c r="F173" s="43" t="s">
        <v>146</v>
      </c>
      <c r="G173" s="35" t="s">
        <v>229</v>
      </c>
      <c r="H173" s="25" t="s">
        <v>47</v>
      </c>
    </row>
    <row r="174" spans="1:8" ht="15" customHeight="1" x14ac:dyDescent="0.25">
      <c r="A174" s="41" t="s">
        <v>359</v>
      </c>
      <c r="B174" s="41" t="s">
        <v>214</v>
      </c>
      <c r="C174" s="41" t="s">
        <v>215</v>
      </c>
      <c r="D174" s="42" t="s">
        <v>142</v>
      </c>
      <c r="E174" s="24">
        <v>245</v>
      </c>
      <c r="F174" s="43" t="s">
        <v>147</v>
      </c>
      <c r="G174" s="35" t="s">
        <v>229</v>
      </c>
      <c r="H174" s="25" t="s">
        <v>47</v>
      </c>
    </row>
    <row r="175" spans="1:8" ht="15" customHeight="1" x14ac:dyDescent="0.25">
      <c r="A175" s="41" t="s">
        <v>359</v>
      </c>
      <c r="B175" s="41" t="s">
        <v>214</v>
      </c>
      <c r="C175" s="41" t="s">
        <v>215</v>
      </c>
      <c r="D175" s="42" t="s">
        <v>142</v>
      </c>
      <c r="E175" s="24">
        <v>246</v>
      </c>
      <c r="F175" s="43" t="s">
        <v>148</v>
      </c>
      <c r="G175" s="35" t="s">
        <v>229</v>
      </c>
      <c r="H175" s="25" t="s">
        <v>47</v>
      </c>
    </row>
    <row r="176" spans="1:8" ht="15" customHeight="1" x14ac:dyDescent="0.25">
      <c r="A176" s="41" t="s">
        <v>359</v>
      </c>
      <c r="B176" s="41" t="s">
        <v>214</v>
      </c>
      <c r="C176" s="41" t="s">
        <v>215</v>
      </c>
      <c r="D176" s="42" t="s">
        <v>74</v>
      </c>
      <c r="E176" s="24">
        <v>251</v>
      </c>
      <c r="F176" s="43" t="s">
        <v>149</v>
      </c>
      <c r="G176" s="35" t="s">
        <v>229</v>
      </c>
      <c r="H176" s="25" t="s">
        <v>47</v>
      </c>
    </row>
    <row r="177" spans="1:8" ht="15" customHeight="1" x14ac:dyDescent="0.25">
      <c r="A177" s="41" t="s">
        <v>359</v>
      </c>
      <c r="B177" s="41" t="s">
        <v>214</v>
      </c>
      <c r="C177" s="41" t="s">
        <v>215</v>
      </c>
      <c r="D177" s="42" t="s">
        <v>74</v>
      </c>
      <c r="E177" s="24">
        <v>252</v>
      </c>
      <c r="F177" s="43" t="s">
        <v>150</v>
      </c>
      <c r="G177" s="35" t="s">
        <v>229</v>
      </c>
      <c r="H177" s="25" t="s">
        <v>47</v>
      </c>
    </row>
    <row r="178" spans="1:8" ht="15" customHeight="1" x14ac:dyDescent="0.25">
      <c r="A178" s="41" t="s">
        <v>359</v>
      </c>
      <c r="B178" s="41" t="s">
        <v>214</v>
      </c>
      <c r="C178" s="41" t="s">
        <v>215</v>
      </c>
      <c r="D178" s="42" t="s">
        <v>74</v>
      </c>
      <c r="E178" s="24">
        <v>253</v>
      </c>
      <c r="F178" s="43" t="s">
        <v>151</v>
      </c>
      <c r="G178" s="35" t="s">
        <v>229</v>
      </c>
      <c r="H178" s="25" t="s">
        <v>47</v>
      </c>
    </row>
    <row r="179" spans="1:8" ht="15" customHeight="1" x14ac:dyDescent="0.25">
      <c r="A179" s="41" t="s">
        <v>359</v>
      </c>
      <c r="B179" s="41" t="s">
        <v>214</v>
      </c>
      <c r="C179" s="41" t="s">
        <v>215</v>
      </c>
      <c r="D179" s="42" t="s">
        <v>74</v>
      </c>
      <c r="E179" s="24">
        <v>254</v>
      </c>
      <c r="F179" s="43" t="s">
        <v>152</v>
      </c>
      <c r="G179" s="35" t="s">
        <v>229</v>
      </c>
      <c r="H179" s="25" t="s">
        <v>47</v>
      </c>
    </row>
    <row r="180" spans="1:8" ht="15" customHeight="1" x14ac:dyDescent="0.25">
      <c r="A180" s="41" t="s">
        <v>359</v>
      </c>
      <c r="B180" s="41" t="s">
        <v>214</v>
      </c>
      <c r="C180" s="41" t="s">
        <v>215</v>
      </c>
      <c r="D180" s="42" t="s">
        <v>74</v>
      </c>
      <c r="E180" s="24">
        <v>255</v>
      </c>
      <c r="F180" s="43" t="s">
        <v>153</v>
      </c>
      <c r="G180" s="35" t="s">
        <v>229</v>
      </c>
      <c r="H180" s="25" t="s">
        <v>47</v>
      </c>
    </row>
    <row r="181" spans="1:8" ht="15" customHeight="1" x14ac:dyDescent="0.25">
      <c r="A181" s="41" t="s">
        <v>359</v>
      </c>
      <c r="B181" s="41" t="s">
        <v>214</v>
      </c>
      <c r="C181" s="41" t="s">
        <v>215</v>
      </c>
      <c r="D181" s="42" t="s">
        <v>74</v>
      </c>
      <c r="E181" s="24">
        <v>256</v>
      </c>
      <c r="F181" s="43" t="s">
        <v>154</v>
      </c>
      <c r="G181" s="35" t="s">
        <v>229</v>
      </c>
      <c r="H181" s="25" t="s">
        <v>47</v>
      </c>
    </row>
    <row r="182" spans="1:8" ht="15" customHeight="1" x14ac:dyDescent="0.25">
      <c r="A182" s="41" t="s">
        <v>359</v>
      </c>
      <c r="B182" s="41" t="s">
        <v>214</v>
      </c>
      <c r="C182" s="41" t="s">
        <v>215</v>
      </c>
      <c r="D182" s="42" t="s">
        <v>74</v>
      </c>
      <c r="E182" s="24">
        <v>257</v>
      </c>
      <c r="F182" s="43" t="s">
        <v>155</v>
      </c>
      <c r="G182" s="35" t="s">
        <v>229</v>
      </c>
      <c r="H182" s="25" t="s">
        <v>47</v>
      </c>
    </row>
    <row r="183" spans="1:8" ht="15" customHeight="1" x14ac:dyDescent="0.25">
      <c r="A183" s="41" t="s">
        <v>359</v>
      </c>
      <c r="B183" s="41" t="s">
        <v>214</v>
      </c>
      <c r="C183" s="41" t="s">
        <v>215</v>
      </c>
      <c r="D183" s="42" t="s">
        <v>74</v>
      </c>
      <c r="E183" s="24">
        <v>258</v>
      </c>
      <c r="F183" s="43" t="s">
        <v>156</v>
      </c>
      <c r="G183" s="35" t="s">
        <v>229</v>
      </c>
      <c r="H183" s="25" t="s">
        <v>47</v>
      </c>
    </row>
    <row r="184" spans="1:8" ht="15" customHeight="1" x14ac:dyDescent="0.25">
      <c r="A184" s="41" t="s">
        <v>359</v>
      </c>
      <c r="B184" s="41" t="s">
        <v>214</v>
      </c>
      <c r="C184" s="41" t="s">
        <v>215</v>
      </c>
      <c r="D184" s="42" t="s">
        <v>74</v>
      </c>
      <c r="E184" s="24">
        <v>260</v>
      </c>
      <c r="F184" s="43" t="s">
        <v>157</v>
      </c>
      <c r="G184" s="35" t="s">
        <v>229</v>
      </c>
      <c r="H184" s="25" t="s">
        <v>47</v>
      </c>
    </row>
    <row r="185" spans="1:8" ht="15" customHeight="1" x14ac:dyDescent="0.25">
      <c r="A185" s="41" t="s">
        <v>359</v>
      </c>
      <c r="B185" s="41" t="s">
        <v>214</v>
      </c>
      <c r="C185" s="41" t="s">
        <v>215</v>
      </c>
      <c r="D185" s="42" t="s">
        <v>21</v>
      </c>
      <c r="E185" s="24">
        <v>261</v>
      </c>
      <c r="F185" s="43" t="s">
        <v>21</v>
      </c>
      <c r="G185" s="35" t="s">
        <v>229</v>
      </c>
      <c r="H185" s="25" t="s">
        <v>47</v>
      </c>
    </row>
    <row r="186" spans="1:8" ht="15" customHeight="1" x14ac:dyDescent="0.25">
      <c r="A186" s="41" t="s">
        <v>359</v>
      </c>
      <c r="B186" s="41" t="s">
        <v>214</v>
      </c>
      <c r="C186" s="41" t="s">
        <v>215</v>
      </c>
      <c r="D186" s="42" t="s">
        <v>158</v>
      </c>
      <c r="E186" s="24">
        <v>270</v>
      </c>
      <c r="F186" s="43" t="s">
        <v>159</v>
      </c>
      <c r="G186" s="35" t="s">
        <v>229</v>
      </c>
      <c r="H186" s="25" t="s">
        <v>47</v>
      </c>
    </row>
    <row r="187" spans="1:8" ht="15" customHeight="1" x14ac:dyDescent="0.25">
      <c r="A187" s="41" t="s">
        <v>359</v>
      </c>
      <c r="B187" s="41" t="s">
        <v>214</v>
      </c>
      <c r="C187" s="41" t="s">
        <v>215</v>
      </c>
      <c r="D187" s="42" t="s">
        <v>158</v>
      </c>
      <c r="E187" s="24">
        <v>271</v>
      </c>
      <c r="F187" s="43" t="s">
        <v>160</v>
      </c>
      <c r="G187" s="35" t="s">
        <v>229</v>
      </c>
      <c r="H187" s="25" t="s">
        <v>47</v>
      </c>
    </row>
    <row r="188" spans="1:8" ht="15" customHeight="1" x14ac:dyDescent="0.25">
      <c r="A188" s="41" t="s">
        <v>359</v>
      </c>
      <c r="B188" s="41" t="s">
        <v>214</v>
      </c>
      <c r="C188" s="41" t="s">
        <v>215</v>
      </c>
      <c r="D188" s="42" t="s">
        <v>158</v>
      </c>
      <c r="E188" s="24">
        <v>272</v>
      </c>
      <c r="F188" s="43" t="s">
        <v>161</v>
      </c>
      <c r="G188" s="35" t="s">
        <v>229</v>
      </c>
      <c r="H188" s="25" t="s">
        <v>47</v>
      </c>
    </row>
    <row r="189" spans="1:8" ht="15" customHeight="1" x14ac:dyDescent="0.25">
      <c r="A189" s="41" t="s">
        <v>359</v>
      </c>
      <c r="B189" s="41" t="s">
        <v>214</v>
      </c>
      <c r="C189" s="41" t="s">
        <v>215</v>
      </c>
      <c r="D189" s="42" t="s">
        <v>158</v>
      </c>
      <c r="E189" s="24">
        <v>273</v>
      </c>
      <c r="F189" s="43" t="s">
        <v>162</v>
      </c>
      <c r="G189" s="35" t="s">
        <v>229</v>
      </c>
      <c r="H189" s="25" t="s">
        <v>47</v>
      </c>
    </row>
    <row r="190" spans="1:8" ht="15" customHeight="1" x14ac:dyDescent="0.25">
      <c r="A190" s="41" t="s">
        <v>359</v>
      </c>
      <c r="B190" s="41" t="s">
        <v>214</v>
      </c>
      <c r="C190" s="41" t="s">
        <v>215</v>
      </c>
      <c r="D190" s="42" t="s">
        <v>158</v>
      </c>
      <c r="E190" s="24">
        <v>274</v>
      </c>
      <c r="F190" s="43" t="s">
        <v>163</v>
      </c>
      <c r="G190" s="35" t="s">
        <v>229</v>
      </c>
      <c r="H190" s="25" t="s">
        <v>47</v>
      </c>
    </row>
    <row r="191" spans="1:8" ht="15" customHeight="1" x14ac:dyDescent="0.25">
      <c r="A191" s="41" t="s">
        <v>359</v>
      </c>
      <c r="B191" s="41" t="s">
        <v>214</v>
      </c>
      <c r="C191" s="41" t="s">
        <v>215</v>
      </c>
      <c r="D191" s="42" t="s">
        <v>158</v>
      </c>
      <c r="E191" s="24">
        <v>275</v>
      </c>
      <c r="F191" s="43" t="s">
        <v>164</v>
      </c>
      <c r="G191" s="35" t="s">
        <v>229</v>
      </c>
      <c r="H191" s="25" t="s">
        <v>47</v>
      </c>
    </row>
    <row r="192" spans="1:8" ht="15" customHeight="1" x14ac:dyDescent="0.25">
      <c r="A192" s="41" t="s">
        <v>359</v>
      </c>
      <c r="B192" s="41" t="s">
        <v>214</v>
      </c>
      <c r="C192" s="41" t="s">
        <v>215</v>
      </c>
      <c r="D192" s="42" t="s">
        <v>158</v>
      </c>
      <c r="E192" s="24">
        <v>276</v>
      </c>
      <c r="F192" s="43" t="s">
        <v>165</v>
      </c>
      <c r="G192" s="35" t="s">
        <v>229</v>
      </c>
      <c r="H192" s="25" t="s">
        <v>47</v>
      </c>
    </row>
    <row r="193" spans="1:8" ht="15" customHeight="1" x14ac:dyDescent="0.25">
      <c r="A193" s="41" t="s">
        <v>359</v>
      </c>
      <c r="B193" s="41" t="s">
        <v>214</v>
      </c>
      <c r="C193" s="41" t="s">
        <v>215</v>
      </c>
      <c r="D193" s="42" t="s">
        <v>166</v>
      </c>
      <c r="E193" s="24">
        <v>2010</v>
      </c>
      <c r="F193" s="43" t="s">
        <v>167</v>
      </c>
      <c r="G193" s="35" t="s">
        <v>229</v>
      </c>
      <c r="H193" s="25" t="s">
        <v>47</v>
      </c>
    </row>
    <row r="194" spans="1:8" ht="15" customHeight="1" x14ac:dyDescent="0.25">
      <c r="A194" s="41" t="s">
        <v>359</v>
      </c>
      <c r="B194" s="41" t="s">
        <v>214</v>
      </c>
      <c r="C194" s="41" t="s">
        <v>215</v>
      </c>
      <c r="D194" s="42" t="s">
        <v>166</v>
      </c>
      <c r="E194" s="24">
        <v>2011</v>
      </c>
      <c r="F194" s="43" t="s">
        <v>168</v>
      </c>
      <c r="G194" s="35" t="s">
        <v>229</v>
      </c>
      <c r="H194" s="25" t="s">
        <v>47</v>
      </c>
    </row>
    <row r="195" spans="1:8" ht="15" customHeight="1" x14ac:dyDescent="0.25">
      <c r="A195" s="41" t="s">
        <v>359</v>
      </c>
      <c r="B195" s="41" t="s">
        <v>214</v>
      </c>
      <c r="C195" s="41" t="s">
        <v>215</v>
      </c>
      <c r="D195" s="42" t="s">
        <v>166</v>
      </c>
      <c r="E195" s="24">
        <v>2012</v>
      </c>
      <c r="F195" s="43" t="s">
        <v>169</v>
      </c>
      <c r="G195" s="35" t="s">
        <v>229</v>
      </c>
      <c r="H195" s="25" t="s">
        <v>47</v>
      </c>
    </row>
    <row r="196" spans="1:8" ht="15" customHeight="1" x14ac:dyDescent="0.25">
      <c r="A196" s="41" t="s">
        <v>359</v>
      </c>
      <c r="B196" s="41" t="s">
        <v>214</v>
      </c>
      <c r="C196" s="41" t="s">
        <v>215</v>
      </c>
      <c r="D196" s="42" t="s">
        <v>166</v>
      </c>
      <c r="E196" s="24">
        <v>2013</v>
      </c>
      <c r="F196" s="43" t="s">
        <v>170</v>
      </c>
      <c r="G196" s="35" t="s">
        <v>229</v>
      </c>
      <c r="H196" s="25" t="s">
        <v>47</v>
      </c>
    </row>
    <row r="197" spans="1:8" ht="15" customHeight="1" x14ac:dyDescent="0.25">
      <c r="A197" s="41" t="s">
        <v>359</v>
      </c>
      <c r="B197" s="41" t="s">
        <v>214</v>
      </c>
      <c r="C197" s="41" t="s">
        <v>215</v>
      </c>
      <c r="D197" s="42" t="s">
        <v>166</v>
      </c>
      <c r="E197" s="24">
        <v>2015</v>
      </c>
      <c r="F197" s="43" t="s">
        <v>171</v>
      </c>
      <c r="G197" s="35" t="s">
        <v>229</v>
      </c>
      <c r="H197" s="25" t="s">
        <v>47</v>
      </c>
    </row>
    <row r="198" spans="1:8" ht="15" customHeight="1" x14ac:dyDescent="0.25">
      <c r="A198" s="41" t="s">
        <v>359</v>
      </c>
      <c r="B198" s="41" t="s">
        <v>214</v>
      </c>
      <c r="C198" s="41" t="s">
        <v>215</v>
      </c>
      <c r="D198" s="42" t="s">
        <v>166</v>
      </c>
      <c r="E198" s="24">
        <v>2016</v>
      </c>
      <c r="F198" s="43" t="s">
        <v>172</v>
      </c>
      <c r="G198" s="35" t="s">
        <v>229</v>
      </c>
      <c r="H198" s="25" t="s">
        <v>47</v>
      </c>
    </row>
    <row r="199" spans="1:8" ht="15" customHeight="1" x14ac:dyDescent="0.25">
      <c r="A199" s="41" t="s">
        <v>359</v>
      </c>
      <c r="B199" s="41" t="s">
        <v>214</v>
      </c>
      <c r="C199" s="41" t="s">
        <v>215</v>
      </c>
      <c r="D199" s="42" t="s">
        <v>166</v>
      </c>
      <c r="E199" s="24">
        <v>2021</v>
      </c>
      <c r="F199" s="43" t="s">
        <v>173</v>
      </c>
      <c r="G199" s="35" t="s">
        <v>229</v>
      </c>
      <c r="H199" s="25" t="s">
        <v>47</v>
      </c>
    </row>
    <row r="200" spans="1:8" ht="15" customHeight="1" x14ac:dyDescent="0.25">
      <c r="A200" s="41" t="s">
        <v>359</v>
      </c>
      <c r="B200" s="41" t="s">
        <v>214</v>
      </c>
      <c r="C200" s="41" t="s">
        <v>215</v>
      </c>
      <c r="D200" s="42" t="s">
        <v>166</v>
      </c>
      <c r="E200" s="24">
        <v>2022</v>
      </c>
      <c r="F200" s="43" t="s">
        <v>174</v>
      </c>
      <c r="G200" s="35" t="s">
        <v>229</v>
      </c>
      <c r="H200" s="25" t="s">
        <v>47</v>
      </c>
    </row>
    <row r="201" spans="1:8" ht="15" customHeight="1" x14ac:dyDescent="0.25">
      <c r="A201" s="41" t="s">
        <v>359</v>
      </c>
      <c r="B201" s="41" t="s">
        <v>214</v>
      </c>
      <c r="C201" s="41" t="s">
        <v>215</v>
      </c>
      <c r="D201" s="42" t="s">
        <v>166</v>
      </c>
      <c r="E201" s="24">
        <v>2031</v>
      </c>
      <c r="F201" s="43" t="s">
        <v>175</v>
      </c>
      <c r="G201" s="35" t="s">
        <v>229</v>
      </c>
      <c r="H201" s="25" t="s">
        <v>47</v>
      </c>
    </row>
    <row r="202" spans="1:8" ht="15" customHeight="1" x14ac:dyDescent="0.25">
      <c r="A202" s="41" t="s">
        <v>359</v>
      </c>
      <c r="B202" s="41" t="s">
        <v>214</v>
      </c>
      <c r="C202" s="41" t="s">
        <v>215</v>
      </c>
      <c r="D202" s="42" t="s">
        <v>176</v>
      </c>
      <c r="E202" s="24">
        <v>2131</v>
      </c>
      <c r="F202" s="43" t="s">
        <v>177</v>
      </c>
      <c r="G202" s="35" t="s">
        <v>229</v>
      </c>
      <c r="H202" s="25" t="s">
        <v>47</v>
      </c>
    </row>
    <row r="203" spans="1:8" ht="15" customHeight="1" x14ac:dyDescent="0.25">
      <c r="A203" s="41" t="s">
        <v>359</v>
      </c>
      <c r="B203" s="41" t="s">
        <v>214</v>
      </c>
      <c r="C203" s="41" t="s">
        <v>215</v>
      </c>
      <c r="D203" s="42" t="s">
        <v>176</v>
      </c>
      <c r="E203" s="24">
        <v>2132</v>
      </c>
      <c r="F203" s="43" t="s">
        <v>178</v>
      </c>
      <c r="G203" s="35" t="s">
        <v>229</v>
      </c>
      <c r="H203" s="25" t="s">
        <v>47</v>
      </c>
    </row>
    <row r="204" spans="1:8" ht="15" customHeight="1" x14ac:dyDescent="0.25">
      <c r="A204" s="41" t="s">
        <v>359</v>
      </c>
      <c r="B204" s="41" t="s">
        <v>214</v>
      </c>
      <c r="C204" s="41" t="s">
        <v>215</v>
      </c>
      <c r="D204" s="42" t="s">
        <v>176</v>
      </c>
      <c r="E204" s="24">
        <v>2141</v>
      </c>
      <c r="F204" s="43" t="s">
        <v>179</v>
      </c>
      <c r="G204" s="35" t="s">
        <v>229</v>
      </c>
      <c r="H204" s="25" t="s">
        <v>47</v>
      </c>
    </row>
    <row r="205" spans="1:8" ht="15" customHeight="1" x14ac:dyDescent="0.25">
      <c r="A205" s="41" t="s">
        <v>359</v>
      </c>
      <c r="B205" s="41" t="s">
        <v>214</v>
      </c>
      <c r="C205" s="41" t="s">
        <v>215</v>
      </c>
      <c r="D205" s="42" t="s">
        <v>176</v>
      </c>
      <c r="E205" s="24">
        <v>2142</v>
      </c>
      <c r="F205" s="43" t="s">
        <v>180</v>
      </c>
      <c r="G205" s="35" t="s">
        <v>229</v>
      </c>
      <c r="H205" s="25" t="s">
        <v>47</v>
      </c>
    </row>
    <row r="206" spans="1:8" ht="15" customHeight="1" x14ac:dyDescent="0.25">
      <c r="A206" s="41" t="s">
        <v>359</v>
      </c>
      <c r="B206" s="41" t="s">
        <v>214</v>
      </c>
      <c r="C206" s="41" t="s">
        <v>215</v>
      </c>
      <c r="D206" s="42" t="s">
        <v>176</v>
      </c>
      <c r="E206" s="24">
        <v>2150</v>
      </c>
      <c r="F206" s="43" t="s">
        <v>181</v>
      </c>
      <c r="G206" s="35" t="s">
        <v>229</v>
      </c>
      <c r="H206" s="25" t="s">
        <v>47</v>
      </c>
    </row>
    <row r="207" spans="1:8" ht="15" customHeight="1" x14ac:dyDescent="0.25">
      <c r="A207" s="41" t="s">
        <v>359</v>
      </c>
      <c r="B207" s="41" t="s">
        <v>214</v>
      </c>
      <c r="C207" s="41" t="s">
        <v>215</v>
      </c>
      <c r="D207" s="42" t="s">
        <v>176</v>
      </c>
      <c r="E207" s="24">
        <v>2151</v>
      </c>
      <c r="F207" s="43" t="s">
        <v>182</v>
      </c>
      <c r="G207" s="35" t="s">
        <v>229</v>
      </c>
      <c r="H207" s="25" t="s">
        <v>47</v>
      </c>
    </row>
    <row r="208" spans="1:8" ht="15" customHeight="1" x14ac:dyDescent="0.25">
      <c r="A208" s="41" t="s">
        <v>359</v>
      </c>
      <c r="B208" s="41" t="s">
        <v>214</v>
      </c>
      <c r="C208" s="41" t="s">
        <v>215</v>
      </c>
      <c r="D208" s="42" t="s">
        <v>176</v>
      </c>
      <c r="E208" s="24">
        <v>2152</v>
      </c>
      <c r="F208" s="43" t="s">
        <v>183</v>
      </c>
      <c r="G208" s="35" t="s">
        <v>229</v>
      </c>
      <c r="H208" s="25" t="s">
        <v>47</v>
      </c>
    </row>
    <row r="209" spans="1:8" ht="15" customHeight="1" x14ac:dyDescent="0.25">
      <c r="A209" s="41" t="s">
        <v>359</v>
      </c>
      <c r="B209" s="41" t="s">
        <v>214</v>
      </c>
      <c r="C209" s="41" t="s">
        <v>215</v>
      </c>
      <c r="D209" s="42" t="s">
        <v>184</v>
      </c>
      <c r="E209" s="24">
        <v>2210</v>
      </c>
      <c r="F209" s="43" t="s">
        <v>185</v>
      </c>
      <c r="G209" s="35" t="s">
        <v>229</v>
      </c>
      <c r="H209" s="25" t="s">
        <v>47</v>
      </c>
    </row>
    <row r="210" spans="1:8" ht="15" customHeight="1" x14ac:dyDescent="0.25">
      <c r="A210" s="41" t="s">
        <v>359</v>
      </c>
      <c r="B210" s="41" t="s">
        <v>214</v>
      </c>
      <c r="C210" s="41" t="s">
        <v>215</v>
      </c>
      <c r="D210" s="42" t="s">
        <v>184</v>
      </c>
      <c r="E210" s="24">
        <v>2211</v>
      </c>
      <c r="F210" s="43" t="s">
        <v>186</v>
      </c>
      <c r="G210" s="35" t="s">
        <v>229</v>
      </c>
      <c r="H210" s="25" t="s">
        <v>47</v>
      </c>
    </row>
    <row r="211" spans="1:8" ht="15" customHeight="1" x14ac:dyDescent="0.25">
      <c r="A211" s="41" t="s">
        <v>359</v>
      </c>
      <c r="B211" s="41" t="s">
        <v>214</v>
      </c>
      <c r="C211" s="41" t="s">
        <v>215</v>
      </c>
      <c r="D211" s="42" t="s">
        <v>184</v>
      </c>
      <c r="E211" s="24">
        <v>2221</v>
      </c>
      <c r="F211" s="43" t="s">
        <v>187</v>
      </c>
      <c r="G211" s="35" t="s">
        <v>229</v>
      </c>
      <c r="H211" s="25" t="s">
        <v>47</v>
      </c>
    </row>
    <row r="212" spans="1:8" ht="15" customHeight="1" x14ac:dyDescent="0.25">
      <c r="A212" s="41" t="s">
        <v>359</v>
      </c>
      <c r="B212" s="41" t="s">
        <v>214</v>
      </c>
      <c r="C212" s="41" t="s">
        <v>215</v>
      </c>
      <c r="D212" s="42" t="s">
        <v>184</v>
      </c>
      <c r="E212" s="24">
        <v>2231</v>
      </c>
      <c r="F212" s="43" t="s">
        <v>188</v>
      </c>
      <c r="G212" s="35" t="s">
        <v>229</v>
      </c>
      <c r="H212" s="25" t="s">
        <v>47</v>
      </c>
    </row>
    <row r="213" spans="1:8" ht="15" customHeight="1" x14ac:dyDescent="0.25">
      <c r="A213" s="41" t="s">
        <v>359</v>
      </c>
      <c r="B213" s="41" t="s">
        <v>214</v>
      </c>
      <c r="C213" s="41" t="s">
        <v>215</v>
      </c>
      <c r="D213" s="42" t="s">
        <v>184</v>
      </c>
      <c r="E213" s="24">
        <v>2232</v>
      </c>
      <c r="F213" s="43" t="s">
        <v>189</v>
      </c>
      <c r="G213" s="35" t="s">
        <v>229</v>
      </c>
      <c r="H213" s="25" t="s">
        <v>47</v>
      </c>
    </row>
    <row r="214" spans="1:8" ht="15" customHeight="1" x14ac:dyDescent="0.25">
      <c r="A214" s="41" t="s">
        <v>359</v>
      </c>
      <c r="B214" s="41" t="s">
        <v>214</v>
      </c>
      <c r="C214" s="41" t="s">
        <v>215</v>
      </c>
      <c r="D214" s="42" t="s">
        <v>184</v>
      </c>
      <c r="E214" s="24">
        <v>2233</v>
      </c>
      <c r="F214" s="43" t="s">
        <v>190</v>
      </c>
      <c r="G214" s="35" t="s">
        <v>229</v>
      </c>
      <c r="H214" s="25" t="s">
        <v>47</v>
      </c>
    </row>
    <row r="215" spans="1:8" ht="15" customHeight="1" x14ac:dyDescent="0.25">
      <c r="A215" s="41" t="s">
        <v>359</v>
      </c>
      <c r="B215" s="41" t="s">
        <v>214</v>
      </c>
      <c r="C215" s="41" t="s">
        <v>215</v>
      </c>
      <c r="D215" s="42" t="s">
        <v>184</v>
      </c>
      <c r="E215" s="24">
        <v>2241</v>
      </c>
      <c r="F215" s="43" t="s">
        <v>191</v>
      </c>
      <c r="G215" s="35" t="s">
        <v>229</v>
      </c>
      <c r="H215" s="25" t="s">
        <v>47</v>
      </c>
    </row>
    <row r="216" spans="1:8" ht="15" customHeight="1" x14ac:dyDescent="0.25">
      <c r="A216" s="41" t="s">
        <v>359</v>
      </c>
      <c r="B216" s="41" t="s">
        <v>214</v>
      </c>
      <c r="C216" s="41" t="s">
        <v>215</v>
      </c>
      <c r="D216" s="42" t="s">
        <v>184</v>
      </c>
      <c r="E216" s="24">
        <v>2242</v>
      </c>
      <c r="F216" s="43" t="s">
        <v>192</v>
      </c>
      <c r="G216" s="35" t="s">
        <v>229</v>
      </c>
      <c r="H216" s="25" t="s">
        <v>47</v>
      </c>
    </row>
    <row r="217" spans="1:8" ht="15" customHeight="1" x14ac:dyDescent="0.25">
      <c r="A217" s="41" t="s">
        <v>359</v>
      </c>
      <c r="B217" s="41" t="s">
        <v>214</v>
      </c>
      <c r="C217" s="41" t="s">
        <v>215</v>
      </c>
      <c r="D217" s="42" t="s">
        <v>184</v>
      </c>
      <c r="E217" s="24">
        <v>2243</v>
      </c>
      <c r="F217" s="43" t="s">
        <v>193</v>
      </c>
      <c r="G217" s="35" t="s">
        <v>229</v>
      </c>
      <c r="H217" s="25" t="s">
        <v>47</v>
      </c>
    </row>
    <row r="218" spans="1:8" ht="15" customHeight="1" x14ac:dyDescent="0.25">
      <c r="A218" s="41" t="s">
        <v>359</v>
      </c>
      <c r="B218" s="41" t="s">
        <v>214</v>
      </c>
      <c r="C218" s="41" t="s">
        <v>215</v>
      </c>
      <c r="D218" s="42" t="s">
        <v>184</v>
      </c>
      <c r="E218" s="24">
        <v>2251</v>
      </c>
      <c r="F218" s="43" t="s">
        <v>194</v>
      </c>
      <c r="G218" s="35" t="s">
        <v>229</v>
      </c>
      <c r="H218" s="25" t="s">
        <v>47</v>
      </c>
    </row>
    <row r="219" spans="1:8" ht="15" customHeight="1" x14ac:dyDescent="0.25">
      <c r="A219" s="41" t="s">
        <v>359</v>
      </c>
      <c r="B219" s="41" t="s">
        <v>214</v>
      </c>
      <c r="C219" s="41" t="s">
        <v>215</v>
      </c>
      <c r="D219" s="42" t="s">
        <v>184</v>
      </c>
      <c r="E219" s="24">
        <v>2252</v>
      </c>
      <c r="F219" s="43" t="s">
        <v>195</v>
      </c>
      <c r="G219" s="35" t="s">
        <v>229</v>
      </c>
      <c r="H219" s="25" t="s">
        <v>47</v>
      </c>
    </row>
    <row r="220" spans="1:8" ht="15" customHeight="1" x14ac:dyDescent="0.25">
      <c r="A220" s="41" t="s">
        <v>359</v>
      </c>
      <c r="B220" s="41" t="s">
        <v>214</v>
      </c>
      <c r="C220" s="41" t="s">
        <v>215</v>
      </c>
      <c r="D220" s="42" t="s">
        <v>184</v>
      </c>
      <c r="E220" s="24">
        <v>2253</v>
      </c>
      <c r="F220" s="43" t="s">
        <v>196</v>
      </c>
      <c r="G220" s="35" t="s">
        <v>229</v>
      </c>
      <c r="H220" s="25" t="s">
        <v>47</v>
      </c>
    </row>
    <row r="221" spans="1:8" ht="15" customHeight="1" x14ac:dyDescent="0.25">
      <c r="A221" s="41" t="s">
        <v>359</v>
      </c>
      <c r="B221" s="41" t="s">
        <v>214</v>
      </c>
      <c r="C221" s="41" t="s">
        <v>215</v>
      </c>
      <c r="D221" s="42" t="s">
        <v>184</v>
      </c>
      <c r="E221" s="24">
        <v>2261</v>
      </c>
      <c r="F221" s="43" t="s">
        <v>197</v>
      </c>
      <c r="G221" s="35" t="s">
        <v>229</v>
      </c>
      <c r="H221" s="25" t="s">
        <v>47</v>
      </c>
    </row>
    <row r="222" spans="1:8" ht="15" customHeight="1" x14ac:dyDescent="0.25">
      <c r="A222" s="41" t="s">
        <v>359</v>
      </c>
      <c r="B222" s="41" t="s">
        <v>214</v>
      </c>
      <c r="C222" s="41" t="s">
        <v>215</v>
      </c>
      <c r="D222" s="42" t="s">
        <v>184</v>
      </c>
      <c r="E222" s="24">
        <v>2262</v>
      </c>
      <c r="F222" s="43" t="s">
        <v>198</v>
      </c>
      <c r="G222" s="35" t="s">
        <v>229</v>
      </c>
      <c r="H222" s="25" t="s">
        <v>47</v>
      </c>
    </row>
    <row r="223" spans="1:8" ht="15" customHeight="1" x14ac:dyDescent="0.25">
      <c r="A223" s="41" t="s">
        <v>359</v>
      </c>
      <c r="B223" s="41" t="s">
        <v>214</v>
      </c>
      <c r="C223" s="41" t="s">
        <v>215</v>
      </c>
      <c r="D223" s="42" t="s">
        <v>184</v>
      </c>
      <c r="E223" s="24">
        <v>2263</v>
      </c>
      <c r="F223" s="43" t="s">
        <v>199</v>
      </c>
      <c r="G223" s="35" t="s">
        <v>229</v>
      </c>
      <c r="H223" s="25" t="s">
        <v>47</v>
      </c>
    </row>
    <row r="224" spans="1:8" ht="15" customHeight="1" x14ac:dyDescent="0.25">
      <c r="A224" s="41" t="s">
        <v>359</v>
      </c>
      <c r="B224" s="41" t="s">
        <v>214</v>
      </c>
      <c r="C224" s="41" t="s">
        <v>215</v>
      </c>
      <c r="D224" s="42" t="s">
        <v>200</v>
      </c>
      <c r="E224" s="24">
        <v>2270</v>
      </c>
      <c r="F224" s="43" t="s">
        <v>201</v>
      </c>
      <c r="G224" s="35" t="s">
        <v>229</v>
      </c>
      <c r="H224" s="25" t="s">
        <v>47</v>
      </c>
    </row>
    <row r="225" spans="1:8" ht="15" customHeight="1" x14ac:dyDescent="0.25">
      <c r="A225" s="41" t="s">
        <v>359</v>
      </c>
      <c r="B225" s="41" t="s">
        <v>214</v>
      </c>
      <c r="C225" s="41" t="s">
        <v>215</v>
      </c>
      <c r="D225" s="42" t="s">
        <v>200</v>
      </c>
      <c r="E225" s="24">
        <v>2271</v>
      </c>
      <c r="F225" s="43" t="s">
        <v>202</v>
      </c>
      <c r="G225" s="35" t="s">
        <v>229</v>
      </c>
      <c r="H225" s="25" t="s">
        <v>47</v>
      </c>
    </row>
    <row r="226" spans="1:8" ht="15" customHeight="1" x14ac:dyDescent="0.25">
      <c r="A226" s="41" t="s">
        <v>359</v>
      </c>
      <c r="B226" s="41" t="s">
        <v>214</v>
      </c>
      <c r="C226" s="41" t="s">
        <v>215</v>
      </c>
      <c r="D226" s="42" t="s">
        <v>200</v>
      </c>
      <c r="E226" s="24">
        <v>2272</v>
      </c>
      <c r="F226" s="43" t="s">
        <v>203</v>
      </c>
      <c r="G226" s="35" t="s">
        <v>229</v>
      </c>
      <c r="H226" s="25" t="s">
        <v>47</v>
      </c>
    </row>
    <row r="227" spans="1:8" ht="15" customHeight="1" x14ac:dyDescent="0.25">
      <c r="A227" s="41" t="s">
        <v>359</v>
      </c>
      <c r="B227" s="41" t="s">
        <v>214</v>
      </c>
      <c r="C227" s="41" t="s">
        <v>215</v>
      </c>
      <c r="D227" s="42" t="s">
        <v>200</v>
      </c>
      <c r="E227" s="24">
        <v>2273</v>
      </c>
      <c r="F227" s="43" t="s">
        <v>204</v>
      </c>
      <c r="G227" s="35" t="s">
        <v>229</v>
      </c>
      <c r="H227" s="25" t="s">
        <v>47</v>
      </c>
    </row>
    <row r="228" spans="1:8" ht="15" customHeight="1" x14ac:dyDescent="0.25">
      <c r="A228" s="41" t="s">
        <v>359</v>
      </c>
      <c r="B228" s="41" t="s">
        <v>214</v>
      </c>
      <c r="C228" s="41" t="s">
        <v>215</v>
      </c>
      <c r="D228" s="42" t="s">
        <v>200</v>
      </c>
      <c r="E228" s="24">
        <v>2274</v>
      </c>
      <c r="F228" s="43" t="s">
        <v>205</v>
      </c>
      <c r="G228" s="35" t="s">
        <v>229</v>
      </c>
      <c r="H228" s="25" t="s">
        <v>47</v>
      </c>
    </row>
    <row r="229" spans="1:8" ht="15" customHeight="1" x14ac:dyDescent="0.25">
      <c r="A229" s="41" t="s">
        <v>359</v>
      </c>
      <c r="B229" s="41" t="s">
        <v>214</v>
      </c>
      <c r="C229" s="41" t="s">
        <v>215</v>
      </c>
      <c r="D229" s="42" t="s">
        <v>200</v>
      </c>
      <c r="E229" s="24">
        <v>2275</v>
      </c>
      <c r="F229" s="43" t="s">
        <v>206</v>
      </c>
      <c r="G229" s="35" t="s">
        <v>229</v>
      </c>
      <c r="H229" s="25" t="s">
        <v>47</v>
      </c>
    </row>
    <row r="230" spans="1:8" ht="15" customHeight="1" x14ac:dyDescent="0.25">
      <c r="A230" s="41" t="s">
        <v>359</v>
      </c>
      <c r="B230" s="41" t="s">
        <v>214</v>
      </c>
      <c r="C230" s="41" t="s">
        <v>215</v>
      </c>
      <c r="D230" s="42" t="s">
        <v>200</v>
      </c>
      <c r="E230" s="24">
        <v>2276</v>
      </c>
      <c r="F230" s="43" t="s">
        <v>207</v>
      </c>
      <c r="G230" s="35" t="s">
        <v>229</v>
      </c>
      <c r="H230" s="25" t="s">
        <v>47</v>
      </c>
    </row>
    <row r="231" spans="1:8" ht="15" customHeight="1" x14ac:dyDescent="0.25">
      <c r="A231" s="41" t="s">
        <v>359</v>
      </c>
      <c r="B231" s="41" t="s">
        <v>214</v>
      </c>
      <c r="C231" s="41" t="s">
        <v>215</v>
      </c>
      <c r="D231" s="42" t="s">
        <v>200</v>
      </c>
      <c r="E231" s="24">
        <v>2281</v>
      </c>
      <c r="F231" s="43" t="s">
        <v>208</v>
      </c>
      <c r="G231" s="35" t="s">
        <v>229</v>
      </c>
      <c r="H231" s="25" t="s">
        <v>47</v>
      </c>
    </row>
    <row r="232" spans="1:8" ht="15" customHeight="1" x14ac:dyDescent="0.25">
      <c r="A232" s="41" t="s">
        <v>359</v>
      </c>
      <c r="B232" s="41" t="s">
        <v>214</v>
      </c>
      <c r="C232" s="41" t="s">
        <v>215</v>
      </c>
      <c r="D232" s="42" t="s">
        <v>200</v>
      </c>
      <c r="E232" s="24">
        <v>2282</v>
      </c>
      <c r="F232" s="43" t="s">
        <v>209</v>
      </c>
      <c r="G232" s="35" t="s">
        <v>229</v>
      </c>
      <c r="H232" s="25" t="s">
        <v>47</v>
      </c>
    </row>
    <row r="233" spans="1:8" ht="15" customHeight="1" x14ac:dyDescent="0.25">
      <c r="A233" s="41" t="s">
        <v>359</v>
      </c>
      <c r="B233" s="41" t="s">
        <v>214</v>
      </c>
      <c r="C233" s="41" t="s">
        <v>215</v>
      </c>
      <c r="D233" s="42" t="s">
        <v>200</v>
      </c>
      <c r="E233" s="24">
        <v>2283</v>
      </c>
      <c r="F233" s="43" t="s">
        <v>210</v>
      </c>
      <c r="G233" s="35" t="s">
        <v>229</v>
      </c>
      <c r="H233" s="25" t="s">
        <v>47</v>
      </c>
    </row>
    <row r="234" spans="1:8" ht="15" customHeight="1" x14ac:dyDescent="0.25">
      <c r="A234" s="41" t="s">
        <v>359</v>
      </c>
      <c r="B234" s="41" t="s">
        <v>214</v>
      </c>
      <c r="C234" s="41" t="s">
        <v>215</v>
      </c>
      <c r="D234" s="42" t="s">
        <v>200</v>
      </c>
      <c r="E234" s="24">
        <v>2284</v>
      </c>
      <c r="F234" s="43" t="s">
        <v>211</v>
      </c>
      <c r="G234" s="35" t="s">
        <v>229</v>
      </c>
      <c r="H234" s="25" t="s">
        <v>47</v>
      </c>
    </row>
    <row r="235" spans="1:8" ht="15" customHeight="1" x14ac:dyDescent="0.25">
      <c r="A235" s="41" t="s">
        <v>359</v>
      </c>
      <c r="B235" s="41" t="s">
        <v>214</v>
      </c>
      <c r="C235" s="41" t="s">
        <v>215</v>
      </c>
      <c r="D235" s="42" t="s">
        <v>200</v>
      </c>
      <c r="E235" s="24">
        <v>2285</v>
      </c>
      <c r="F235" s="43" t="s">
        <v>212</v>
      </c>
      <c r="G235" s="35" t="s">
        <v>229</v>
      </c>
      <c r="H235" s="25" t="s">
        <v>47</v>
      </c>
    </row>
    <row r="236" spans="1:8" ht="15" customHeight="1" x14ac:dyDescent="0.25">
      <c r="A236" s="41" t="s">
        <v>359</v>
      </c>
      <c r="B236" s="41" t="s">
        <v>214</v>
      </c>
      <c r="C236" s="41" t="s">
        <v>215</v>
      </c>
      <c r="D236" s="42" t="s">
        <v>200</v>
      </c>
      <c r="E236" s="24">
        <v>2286</v>
      </c>
      <c r="F236" s="43" t="s">
        <v>213</v>
      </c>
      <c r="G236" s="35" t="s">
        <v>229</v>
      </c>
      <c r="H236" s="25" t="s">
        <v>47</v>
      </c>
    </row>
  </sheetData>
  <autoFilter ref="A2:H236"/>
  <mergeCells count="1">
    <mergeCell ref="A1:H1"/>
  </mergeCells>
  <hyperlinks>
    <hyperlink ref="D3" r:id="rId1" location="Exposure_Data/Unknown_Construction.htm"/>
    <hyperlink ref="D109" r:id="rId2" location="Exposure_Data/Unknown_Construction.htm"/>
    <hyperlink ref="D131" r:id="rId3" location="Exposure_Data/Unknown_Construction.htm"/>
    <hyperlink ref="D132" r:id="rId4" location="Exposure_Data/Wood_Construction.htm"/>
    <hyperlink ref="D110" r:id="rId5" location="Exposure_Data/Wood_Construction.htm"/>
    <hyperlink ref="D4" r:id="rId6" location="Exposure_Data/Wood_Construction.htm"/>
    <hyperlink ref="D74" r:id="rId7" location="Exposure_Data/Tunnel_Construction.htm"/>
    <hyperlink ref="D75" r:id="rId8" location="Exposure_Data/Tunnel_Construction.htm"/>
    <hyperlink ref="D76" r:id="rId9" location="Exposure_Data/Tunnel_Construction.htm"/>
    <hyperlink ref="D77" r:id="rId10" location="Exposure_Data/Tunnel_Construction.htm"/>
    <hyperlink ref="D78" r:id="rId11" location="Exposure_Data/Tunnel_Construction.htm"/>
    <hyperlink ref="D79" r:id="rId12" location="Exposure_Data/Tunnel_Construction.htm"/>
    <hyperlink ref="D80" r:id="rId13" location="Exposure_Data/Tunnel_Construction.htm"/>
    <hyperlink ref="D202" r:id="rId14" location="Exposure_Data/Tunnel_Construction.htm"/>
    <hyperlink ref="D203" r:id="rId15" location="Exposure_Data/Tunnel_Construction.htm"/>
    <hyperlink ref="D204" r:id="rId16" location="Exposure_Data/Tunnel_Construction.htm"/>
    <hyperlink ref="D205" r:id="rId17" location="Exposure_Data/Tunnel_Construction.htm"/>
    <hyperlink ref="D206" r:id="rId18" location="Exposure_Data/Tunnel_Construction.htm"/>
    <hyperlink ref="D207" r:id="rId19" location="Exposure_Data/Tunnel_Construction.htm"/>
    <hyperlink ref="D208" r:id="rId20" location="Exposure_Data/Tunnel_Construction.htm"/>
    <hyperlink ref="D37" r:id="rId21" location="Exposure_Data/Tower_Construction.htm"/>
    <hyperlink ref="D38" r:id="rId22" location="Exposure_Data/Tower_Construction.htm"/>
    <hyperlink ref="D39" r:id="rId23" location="Exposure_Data/Tower_Construction.htm"/>
    <hyperlink ref="D40" r:id="rId24" location="Exposure_Data/Tower_Construction.htm"/>
    <hyperlink ref="D41" r:id="rId25" location="Exposure_Data/Tower_Construction.htm"/>
    <hyperlink ref="D165" r:id="rId26" location="Exposure_Data/Tower_Construction.htm"/>
    <hyperlink ref="D166" r:id="rId27" location="Exposure_Data/Tower_Construction.htm"/>
    <hyperlink ref="D167" r:id="rId28" location="Exposure_Data/Tower_Construction.htm"/>
    <hyperlink ref="D168" r:id="rId29" location="Exposure_Data/Tower_Construction.htm"/>
    <hyperlink ref="D169" r:id="rId30" location="Exposure_Data/Tower_Construction.htm"/>
    <hyperlink ref="D81" r:id="rId31" location="Exposure_Data/Storage_Tank_Construction.htm"/>
    <hyperlink ref="D82" r:id="rId32" location="Exposure_Data/Storage_Tank_Construction.htm"/>
    <hyperlink ref="D83" r:id="rId33" location="Exposure_Data/Storage_Tank_Construction.htm"/>
    <hyperlink ref="D84" r:id="rId34" location="Exposure_Data/Storage_Tank_Construction.htm"/>
    <hyperlink ref="D85" r:id="rId35" location="Exposure_Data/Storage_Tank_Construction.htm"/>
    <hyperlink ref="D86" r:id="rId36" location="Exposure_Data/Storage_Tank_Construction.htm"/>
    <hyperlink ref="D87" r:id="rId37" location="Exposure_Data/Storage_Tank_Construction.htm"/>
    <hyperlink ref="D88" r:id="rId38" location="Exposure_Data/Storage_Tank_Construction.htm"/>
    <hyperlink ref="D89" r:id="rId39" location="Exposure_Data/Storage_Tank_Construction.htm"/>
    <hyperlink ref="D90" r:id="rId40" location="Exposure_Data/Storage_Tank_Construction.htm"/>
    <hyperlink ref="D91" r:id="rId41" location="Exposure_Data/Storage_Tank_Construction.htm"/>
    <hyperlink ref="D92" r:id="rId42" location="Exposure_Data/Storage_Tank_Construction.htm"/>
    <hyperlink ref="D93" r:id="rId43" location="Exposure_Data/Storage_Tank_Construction.htm"/>
    <hyperlink ref="D94" r:id="rId44" location="Exposure_Data/Storage_Tank_Construction.htm"/>
    <hyperlink ref="D95" r:id="rId45" location="Exposure_Data/Storage_Tank_Construction.htm"/>
    <hyperlink ref="D209" r:id="rId46" location="Exposure_Data/Storage_Tank_Construction.htm"/>
    <hyperlink ref="D210" r:id="rId47" location="Exposure_Data/Storage_Tank_Construction.htm"/>
    <hyperlink ref="D211" r:id="rId48" location="Exposure_Data/Storage_Tank_Construction.htm"/>
    <hyperlink ref="D212" r:id="rId49" location="Exposure_Data/Storage_Tank_Construction.htm"/>
    <hyperlink ref="D213" r:id="rId50" location="Exposure_Data/Storage_Tank_Construction.htm"/>
    <hyperlink ref="D214" r:id="rId51" location="Exposure_Data/Storage_Tank_Construction.htm"/>
    <hyperlink ref="D215" r:id="rId52" location="Exposure_Data/Storage_Tank_Construction.htm"/>
    <hyperlink ref="D216" r:id="rId53" location="Exposure_Data/Storage_Tank_Construction.htm"/>
    <hyperlink ref="D217" r:id="rId54" location="Exposure_Data/Storage_Tank_Construction.htm"/>
    <hyperlink ref="D218" r:id="rId55" location="Exposure_Data/Storage_Tank_Construction.htm"/>
    <hyperlink ref="D219" r:id="rId56" location="Exposure_Data/Storage_Tank_Construction.htm"/>
    <hyperlink ref="D220" r:id="rId57" location="Exposure_Data/Storage_Tank_Construction.htm"/>
    <hyperlink ref="D221" r:id="rId58" location="Exposure_Data/Storage_Tank_Construction.htm"/>
    <hyperlink ref="D222" r:id="rId59" location="Exposure_Data/Storage_Tank_Construction.htm"/>
    <hyperlink ref="D223" r:id="rId60" location="Exposure_Data/Storage_Tank_Construction.htm"/>
    <hyperlink ref="D20" r:id="rId61" location="Exposure_Data/Steel_Construction.htm"/>
    <hyperlink ref="D21" r:id="rId62" location="Exposure_Data/Steel_Construction.htm"/>
    <hyperlink ref="D22" r:id="rId63" location="Exposure_Data/Steel_Construction.htm"/>
    <hyperlink ref="D23" r:id="rId64" location="Exposure_Data/Steel_Construction.htm"/>
    <hyperlink ref="D24" r:id="rId65" location="Exposure_Data/Steel_Construction.htm"/>
    <hyperlink ref="D25" r:id="rId66" location="Exposure_Data/Steel_Construction.htm"/>
    <hyperlink ref="D26" r:id="rId67" location="Exposure_Data/Steel_Construction.htm"/>
    <hyperlink ref="D27" r:id="rId68" location="Exposure_Data/Steel_Construction.htm"/>
    <hyperlink ref="D28" r:id="rId69" location="Exposure_Data/Steel_Construction.htm"/>
    <hyperlink ref="D123" r:id="rId70" location="Exposure_Data/Steel_Construction.htm"/>
    <hyperlink ref="D124" r:id="rId71" location="Exposure_Data/Steel_Construction.htm"/>
    <hyperlink ref="D125" r:id="rId72" location="Exposure_Data/Steel_Construction.htm"/>
    <hyperlink ref="D126" r:id="rId73" location="Exposure_Data/Steel_Construction.htm"/>
    <hyperlink ref="D127" r:id="rId74" location="Exposure_Data/Steel_Construction.htm"/>
    <hyperlink ref="D128" r:id="rId75" location="Exposure_Data/Steel_Construction.htm"/>
    <hyperlink ref="D148" r:id="rId76" location="Exposure_Data/Steel_Construction.htm"/>
    <hyperlink ref="D149" r:id="rId77" location="Exposure_Data/Steel_Construction.htm"/>
    <hyperlink ref="D150" r:id="rId78" location="Exposure_Data/Steel_Construction.htm"/>
    <hyperlink ref="D151" r:id="rId79" location="Exposure_Data/Steel_Construction.htm"/>
    <hyperlink ref="D152" r:id="rId80" location="Exposure_Data/Steel_Construction.htm"/>
    <hyperlink ref="D153" r:id="rId81" location="Exposure_Data/Steel_Construction.htm"/>
    <hyperlink ref="D154" r:id="rId82" location="Exposure_Data/Steel_Construction.htm"/>
    <hyperlink ref="D155" r:id="rId83" location="Exposure_Data/Steel_Construction.htm"/>
    <hyperlink ref="D156" r:id="rId84" location="Exposure_Data/Steel_Construction.htm"/>
    <hyperlink ref="D96" r:id="rId85" location="Exposure_Data/Pipeline_Construction.htm"/>
    <hyperlink ref="D97" r:id="rId86" location="Exposure_Data/Pipeline_Construction.htm"/>
    <hyperlink ref="D98" r:id="rId87" location="Exposure_Data/Pipeline_Construction.htm"/>
    <hyperlink ref="D99" r:id="rId88" location="Exposure_Data/Pipeline_Construction.htm"/>
    <hyperlink ref="D100" r:id="rId89" location="Exposure_Data/Pipeline_Construction.htm"/>
    <hyperlink ref="D101" r:id="rId90" location="Exposure_Data/Pipeline_Construction.htm"/>
    <hyperlink ref="D102" r:id="rId91" location="Exposure_Data/Pipeline_Construction.htm"/>
    <hyperlink ref="D103" r:id="rId92" location="Exposure_Data/Pipeline_Construction.htm"/>
    <hyperlink ref="D104" r:id="rId93" location="Exposure_Data/Pipeline_Construction.htm"/>
    <hyperlink ref="D105" r:id="rId94" location="Exposure_Data/Pipeline_Construction.htm"/>
    <hyperlink ref="D106" r:id="rId95" location="Exposure_Data/Pipeline_Construction.htm"/>
    <hyperlink ref="D107" r:id="rId96" location="Exposure_Data/Pipeline_Construction.htm"/>
    <hyperlink ref="D108" r:id="rId97" location="Exposure_Data/Pipeline_Construction.htm"/>
    <hyperlink ref="D224" r:id="rId98" location="Exposure_Data/Pipeline_Construction.htm"/>
    <hyperlink ref="D225" r:id="rId99" location="Exposure_Data/Pipeline_Construction.htm"/>
    <hyperlink ref="D226" r:id="rId100" location="Exposure_Data/Pipeline_Construction.htm"/>
    <hyperlink ref="D227" r:id="rId101" location="Exposure_Data/Pipeline_Construction.htm"/>
    <hyperlink ref="D228" r:id="rId102" location="Exposure_Data/Pipeline_Construction.htm"/>
    <hyperlink ref="D229" r:id="rId103" location="Exposure_Data/Pipeline_Construction.htm"/>
    <hyperlink ref="D230" r:id="rId104" location="Exposure_Data/Pipeline_Construction.htm"/>
    <hyperlink ref="D231" r:id="rId105" location="Exposure_Data/Pipeline_Construction.htm"/>
    <hyperlink ref="D232" r:id="rId106" location="Exposure_Data/Pipeline_Construction.htm"/>
    <hyperlink ref="D233" r:id="rId107" location="Exposure_Data/Pipeline_Construction.htm"/>
    <hyperlink ref="D234" r:id="rId108" location="Exposure_Data/Pipeline_Construction.htm"/>
    <hyperlink ref="D235" r:id="rId109" location="Exposure_Data/Pipeline_Construction.htm"/>
    <hyperlink ref="D236" r:id="rId110" location="Exposure_Data/Pipeline_Construction.htm"/>
    <hyperlink ref="D29" r:id="rId111" location="Exposure_Data/Pavement_Construction.htm"/>
    <hyperlink ref="D30" r:id="rId112" location="Exposure_Data/Pavement_Construction.htm"/>
    <hyperlink ref="D31" r:id="rId113" location="Exposure_Data/Pavement_Construction.htm"/>
    <hyperlink ref="D157" r:id="rId114" location="Exposure_Data/Pavement_Construction.htm"/>
    <hyperlink ref="D158" r:id="rId115" location="Exposure_Data/Pavement_Construction.htm"/>
    <hyperlink ref="D159" r:id="rId116" location="Exposure_Data/Pavement_Construction.htm"/>
    <hyperlink ref="D129" r:id="rId117" location="Exposure_Data/Mobile_Home_Construction.htm"/>
    <hyperlink ref="D48" r:id="rId118" location="Exposure_Data/Miscellaneous_Construction.htm"/>
    <hyperlink ref="D49" r:id="rId119" location="Exposure_Data/Miscellaneous_Construction.htm"/>
    <hyperlink ref="D50" r:id="rId120" location="Exposure_Data/Miscellaneous_Construction.htm"/>
    <hyperlink ref="D51" r:id="rId121" location="Exposure_Data/Miscellaneous_Construction.htm"/>
    <hyperlink ref="D52" r:id="rId122" location="Exposure_Data/Miscellaneous_Construction.htm"/>
    <hyperlink ref="D53" r:id="rId123" location="Exposure_Data/Miscellaneous_Construction.htm"/>
    <hyperlink ref="D54" r:id="rId124" location="Exposure_Data/Miscellaneous_Construction.htm"/>
    <hyperlink ref="D55" r:id="rId125" location="Exposure_Data/Miscellaneous_Construction.htm"/>
    <hyperlink ref="D56" r:id="rId126" location="Exposure_Data/Miscellaneous_Construction.htm"/>
    <hyperlink ref="D176" r:id="rId127" location="Exposure_Data/Miscellaneous_Construction.htm"/>
    <hyperlink ref="D177" r:id="rId128" location="Exposure_Data/Miscellaneous_Construction.htm"/>
    <hyperlink ref="D178" r:id="rId129" location="Exposure_Data/Miscellaneous_Construction.htm"/>
    <hyperlink ref="D179" r:id="rId130" location="Exposure_Data/Miscellaneous_Construction.htm"/>
    <hyperlink ref="D180" r:id="rId131" location="Exposure_Data/Miscellaneous_Construction.htm"/>
    <hyperlink ref="D181" r:id="rId132" location="Exposure_Data/Miscellaneous_Construction.htm"/>
    <hyperlink ref="D182" r:id="rId133" location="Exposure_Data/Miscellaneous_Construction.htm"/>
    <hyperlink ref="D183" r:id="rId134" location="Exposure_Data/Miscellaneous_Construction.htm"/>
    <hyperlink ref="D184" r:id="rId135" location="Exposure_Data/Miscellaneous_Construction.htm"/>
    <hyperlink ref="D5" r:id="rId136" location="Exposure_Data/Masonry_Construction.htm"/>
    <hyperlink ref="D6" r:id="rId137" location="Exposure_Data/Masonry_Construction.htm"/>
    <hyperlink ref="D7" r:id="rId138" location="Exposure_Data/Masonry_Construction.htm"/>
    <hyperlink ref="D8" r:id="rId139" location="Exposure_Data/Masonry_Construction.htm"/>
    <hyperlink ref="D9" r:id="rId140" location="Exposure_Data/Masonry_Construction.htm"/>
    <hyperlink ref="D10" r:id="rId141" location="Exposure_Data/Masonry_Construction.htm"/>
    <hyperlink ref="D111" r:id="rId142" location="Exposure_Data/Masonry_Construction.htm"/>
    <hyperlink ref="D112" r:id="rId143" location="Exposure_Data/Masonry_Construction.htm"/>
    <hyperlink ref="D113" r:id="rId144" location="Exposure_Data/Masonry_Construction.htm"/>
    <hyperlink ref="D114" r:id="rId145" location="Exposure_Data/Masonry_Construction.htm"/>
    <hyperlink ref="D115" r:id="rId146" location="Exposure_Data/Masonry_Construction.htm"/>
    <hyperlink ref="D116" r:id="rId147" location="Exposure_Data/Masonry_Construction.htm"/>
    <hyperlink ref="D133" r:id="rId148" location="Exposure_Data/Masonry_Construction.htm"/>
    <hyperlink ref="D134" r:id="rId149" location="Exposure_Data/Masonry_Construction.htm"/>
    <hyperlink ref="D135" r:id="rId150" location="Exposure_Data/Masonry_Construction.htm"/>
    <hyperlink ref="D136" r:id="rId151" location="Exposure_Data/Masonry_Construction.htm"/>
    <hyperlink ref="D137" r:id="rId152" location="Exposure_Data/Masonry_Construction.htm"/>
    <hyperlink ref="D138" r:id="rId153" location="Exposure_Data/Masonry_Construction.htm"/>
    <hyperlink ref="D58" r:id="rId154" location="Exposure_Data/Marine_Cargo_Construction.htm"/>
    <hyperlink ref="D59" r:id="rId155" location="Exposure_Data/Marine_Cargo_Construction.htm"/>
    <hyperlink ref="D60" r:id="rId156" location="Exposure_Data/Marine_Cargo_Construction.htm"/>
    <hyperlink ref="D61" r:id="rId157" location="Exposure_Data/Marine_Cargo_Construction.htm"/>
    <hyperlink ref="D62" r:id="rId158" location="Exposure_Data/Marine_Cargo_Construction.htm"/>
    <hyperlink ref="D63" r:id="rId159" location="Exposure_Data/Marine_Cargo_Construction.htm"/>
    <hyperlink ref="D64" r:id="rId160" location="Exposure_Data/Marine_Cargo_Construction.htm"/>
    <hyperlink ref="D186" r:id="rId161" location="Exposure_Data/Marine_Cargo_Construction.htm"/>
    <hyperlink ref="D187" r:id="rId162" location="Exposure_Data/Marine_Cargo_Construction.htm"/>
    <hyperlink ref="D188" r:id="rId163" location="Exposure_Data/Marine_Cargo_Construction.htm"/>
    <hyperlink ref="D189" r:id="rId164" location="Exposure_Data/Marine_Cargo_Construction.htm"/>
    <hyperlink ref="D190" r:id="rId165" location="Exposure_Data/Marine_Cargo_Construction.htm"/>
    <hyperlink ref="D191" r:id="rId166" location="Exposure_Data/Marine_Cargo_Construction.htm"/>
    <hyperlink ref="D192" r:id="rId167" location="Exposure_Data/Marine_Cargo_Construction.htm"/>
    <hyperlink ref="D42" r:id="rId168" location="Exposure_Data/Equipment_Construction.htm"/>
    <hyperlink ref="D43" r:id="rId169" location="Exposure_Data/Equipment_Construction.htm"/>
    <hyperlink ref="D44" r:id="rId170" location="Exposure_Data/Equipment_Construction.htm"/>
    <hyperlink ref="D45" r:id="rId171" location="Exposure_Data/Equipment_Construction.htm"/>
    <hyperlink ref="D46" r:id="rId172" location="Exposure_Data/Equipment_Construction.htm"/>
    <hyperlink ref="D47" r:id="rId173" location="Exposure_Data/Equipment_Construction.htm"/>
    <hyperlink ref="D170" r:id="rId174" location="Exposure_Data/Equipment_Construction.htm"/>
    <hyperlink ref="D171" r:id="rId175" location="Exposure_Data/Equipment_Construction.htm"/>
    <hyperlink ref="D172" r:id="rId176" location="Exposure_Data/Equipment_Construction.htm"/>
    <hyperlink ref="D173" r:id="rId177" location="Exposure_Data/Equipment_Construction.htm"/>
    <hyperlink ref="D174" r:id="rId178" location="Exposure_Data/Equipment_Construction.htm"/>
    <hyperlink ref="D175" r:id="rId179" location="Exposure_Data/Equipment_Construction.htm"/>
    <hyperlink ref="D32" r:id="rId180" location="Exposure_Data/Dam_Construction.htm"/>
    <hyperlink ref="D33" r:id="rId181" location="Exposure_Data/Dam_Construction.htm"/>
    <hyperlink ref="D160" r:id="rId182" location="Exposure_Data/Dam_Construction.htm"/>
    <hyperlink ref="D161" r:id="rId183" location="Exposure_Data/Dam_Construction.htm"/>
    <hyperlink ref="D11" r:id="rId184" location="Exposure_Data/Concrete_Construction.htm"/>
    <hyperlink ref="D12" r:id="rId185" location="Exposure_Data/Concrete_Construction.htm"/>
    <hyperlink ref="D13" r:id="rId186" location="Exposure_Data/Concrete_Construction.htm"/>
    <hyperlink ref="D14" r:id="rId187" location="Exposure_Data/Concrete_Construction.htm"/>
    <hyperlink ref="D15" r:id="rId188" location="Exposure_Data/Concrete_Construction.htm"/>
    <hyperlink ref="D16" r:id="rId189" location="Exposure_Data/Concrete_Construction.htm"/>
    <hyperlink ref="D17" r:id="rId190" location="Exposure_Data/Concrete_Construction.htm"/>
    <hyperlink ref="D18" r:id="rId191" location="Exposure_Data/Concrete_Construction.htm"/>
    <hyperlink ref="D19" r:id="rId192" location="Exposure_Data/Concrete_Construction.htm"/>
    <hyperlink ref="D117" r:id="rId193" location="Exposure_Data/Concrete_Construction.htm"/>
    <hyperlink ref="D118" r:id="rId194" location="Exposure_Data/Concrete_Construction.htm"/>
    <hyperlink ref="D119" r:id="rId195" location="Exposure_Data/Concrete_Construction.htm"/>
    <hyperlink ref="D120" r:id="rId196" location="Exposure_Data/Concrete_Construction.htm"/>
    <hyperlink ref="D121" r:id="rId197" location="Exposure_Data/Concrete_Construction.htm"/>
    <hyperlink ref="D122" r:id="rId198" location="Exposure_Data/Concrete_Construction.htm"/>
    <hyperlink ref="D139" r:id="rId199" location="Exposure_Data/Concrete_Construction.htm"/>
    <hyperlink ref="D140" r:id="rId200" location="Exposure_Data/Concrete_Construction.htm"/>
    <hyperlink ref="D141" r:id="rId201" location="Exposure_Data/Concrete_Construction.htm"/>
    <hyperlink ref="D142" r:id="rId202" location="Exposure_Data/Concrete_Construction.htm"/>
    <hyperlink ref="D143" r:id="rId203" location="Exposure_Data/Concrete_Construction.htm"/>
    <hyperlink ref="D144" r:id="rId204" location="Exposure_Data/Concrete_Construction.htm"/>
    <hyperlink ref="D145" r:id="rId205" location="Exposure_Data/Concrete_Construction.htm"/>
    <hyperlink ref="D146" r:id="rId206" location="Exposure_Data/Concrete_Construction.htm"/>
    <hyperlink ref="D147" r:id="rId207" location="Exposure_Data/Concrete_Construction.htm"/>
    <hyperlink ref="D34" r:id="rId208" location="Exposure_Data/Chimney_Construction.htm"/>
    <hyperlink ref="D35" r:id="rId209" location="Exposure_Data/Chimney_Construction.htm"/>
    <hyperlink ref="D36" r:id="rId210" location="Exposure_Data/Chimney_Construction.htm"/>
    <hyperlink ref="D162" r:id="rId211" location="Exposure_Data/Chimney_Construction.htm"/>
    <hyperlink ref="D163" r:id="rId212" location="Exposure_Data/Chimney_Construction.htm"/>
    <hyperlink ref="D164" r:id="rId213" location="Exposure_Data/Chimney_Construction.htm"/>
    <hyperlink ref="D65" r:id="rId214" location="Exposure_Data/Bridge_Construction.htm"/>
    <hyperlink ref="D66" r:id="rId215" location="Exposure_Data/Bridge_Construction.htm"/>
    <hyperlink ref="D67" r:id="rId216" location="Exposure_Data/Bridge_Construction.htm"/>
    <hyperlink ref="D68" r:id="rId217" location="Exposure_Data/Bridge_Construction.htm"/>
    <hyperlink ref="D69" r:id="rId218" location="Exposure_Data/Bridge_Construction.htm"/>
    <hyperlink ref="D70" r:id="rId219" location="Exposure_Data/Bridge_Construction.htm"/>
    <hyperlink ref="D71" r:id="rId220" location="Exposure_Data/Bridge_Construction.htm"/>
    <hyperlink ref="D72" r:id="rId221" location="Exposure_Data/Bridge_Construction.htm"/>
    <hyperlink ref="D73" r:id="rId222" location="Exposure_Data/Bridge_Construction.htm"/>
    <hyperlink ref="D193" r:id="rId223" location="Exposure_Data/Bridge_Construction.htm"/>
    <hyperlink ref="D194" r:id="rId224" location="Exposure_Data/Bridge_Construction.htm"/>
    <hyperlink ref="D195" r:id="rId225" location="Exposure_Data/Bridge_Construction.htm"/>
    <hyperlink ref="D196" r:id="rId226" location="Exposure_Data/Bridge_Construction.htm"/>
    <hyperlink ref="D197" r:id="rId227" location="Exposure_Data/Bridge_Construction.htm"/>
    <hyperlink ref="D198" r:id="rId228" location="Exposure_Data/Bridge_Construction.htm"/>
    <hyperlink ref="D199" r:id="rId229" location="Exposure_Data/Bridge_Construction.htm"/>
    <hyperlink ref="D200" r:id="rId230" location="Exposure_Data/Bridge_Construction.htm"/>
    <hyperlink ref="D201" r:id="rId231" location="Exposure_Data/Bridge_Construction.htm"/>
    <hyperlink ref="D57" r:id="rId232" location="Exposure_Data/Automobile_Construction.htm"/>
    <hyperlink ref="D130" r:id="rId233" location="Exposure_Data/Automobile_Construction.htm"/>
    <hyperlink ref="D185" r:id="rId234" location="Exposure_Data/Automobile_Construction.htm"/>
    <hyperlink ref="H109" location="Unknown_ERN_Con_Handler_for_MX!A1" display="For details, see the Unknown_ERN_Con_Handler_for_MX spreadsheet."/>
  </hyperlinks>
  <pageMargins left="0.7" right="0.7" top="0.75" bottom="0.75" header="0.3" footer="0.3"/>
  <pageSetup orientation="portrait" r:id="rId235"/>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5"/>
  <sheetViews>
    <sheetView workbookViewId="0">
      <selection sqref="A1:G1"/>
    </sheetView>
  </sheetViews>
  <sheetFormatPr defaultColWidth="11.42578125" defaultRowHeight="15" x14ac:dyDescent="0.25"/>
  <cols>
    <col min="1" max="1" width="17.28515625" bestFit="1" customWidth="1"/>
    <col min="2" max="2" width="15.5703125" bestFit="1" customWidth="1"/>
    <col min="3" max="3" width="18.85546875" bestFit="1" customWidth="1"/>
    <col min="4" max="5" width="19.28515625" bestFit="1" customWidth="1"/>
    <col min="6" max="6" width="16.7109375" bestFit="1" customWidth="1"/>
    <col min="7" max="7" width="28.28515625" customWidth="1"/>
  </cols>
  <sheetData>
    <row r="1" spans="1:8" ht="39.950000000000003" customHeight="1" x14ac:dyDescent="0.25">
      <c r="A1" s="94" t="s">
        <v>372</v>
      </c>
      <c r="B1" s="94"/>
      <c r="C1" s="94"/>
      <c r="D1" s="94"/>
      <c r="E1" s="94"/>
      <c r="F1" s="94"/>
      <c r="G1" s="95"/>
      <c r="H1" s="28"/>
    </row>
    <row r="2" spans="1:8" x14ac:dyDescent="0.25">
      <c r="A2" s="88" t="s">
        <v>242</v>
      </c>
      <c r="B2" s="90" t="s">
        <v>243</v>
      </c>
      <c r="C2" s="90"/>
      <c r="D2" s="90"/>
      <c r="E2" s="90"/>
      <c r="F2" s="90"/>
      <c r="G2" s="69"/>
    </row>
    <row r="3" spans="1:8" x14ac:dyDescent="0.25">
      <c r="A3" s="89"/>
      <c r="B3" s="33" t="s">
        <v>244</v>
      </c>
      <c r="C3" s="33" t="s">
        <v>245</v>
      </c>
      <c r="D3" s="33" t="s">
        <v>246</v>
      </c>
      <c r="E3" s="33" t="s">
        <v>247</v>
      </c>
      <c r="F3" s="33" t="s">
        <v>248</v>
      </c>
      <c r="G3" s="10"/>
    </row>
    <row r="4" spans="1:8" ht="15" customHeight="1" x14ac:dyDescent="0.25">
      <c r="A4" s="37" t="s">
        <v>249</v>
      </c>
      <c r="B4" s="37" t="s">
        <v>5</v>
      </c>
      <c r="C4" s="37" t="s">
        <v>250</v>
      </c>
      <c r="D4" s="37" t="s">
        <v>251</v>
      </c>
      <c r="E4" s="37" t="s">
        <v>251</v>
      </c>
      <c r="F4" s="37" t="s">
        <v>11</v>
      </c>
      <c r="G4" s="91" t="s">
        <v>373</v>
      </c>
    </row>
    <row r="5" spans="1:8" x14ac:dyDescent="0.25">
      <c r="A5" s="37" t="s">
        <v>252</v>
      </c>
      <c r="B5" s="37" t="s">
        <v>5</v>
      </c>
      <c r="C5" s="37" t="s">
        <v>11</v>
      </c>
      <c r="D5" s="37" t="s">
        <v>251</v>
      </c>
      <c r="E5" s="37" t="s">
        <v>253</v>
      </c>
      <c r="F5" s="37" t="s">
        <v>254</v>
      </c>
      <c r="G5" s="92"/>
    </row>
    <row r="6" spans="1:8" x14ac:dyDescent="0.25">
      <c r="A6" s="37" t="s">
        <v>255</v>
      </c>
      <c r="B6" s="37" t="s">
        <v>5</v>
      </c>
      <c r="C6" s="37" t="s">
        <v>250</v>
      </c>
      <c r="D6" s="37" t="s">
        <v>251</v>
      </c>
      <c r="E6" s="37" t="s">
        <v>11</v>
      </c>
      <c r="F6" s="37" t="s">
        <v>12</v>
      </c>
      <c r="G6" s="92"/>
    </row>
    <row r="7" spans="1:8" x14ac:dyDescent="0.25">
      <c r="A7" s="37" t="s">
        <v>256</v>
      </c>
      <c r="B7" s="37" t="s">
        <v>5</v>
      </c>
      <c r="C7" s="37" t="s">
        <v>250</v>
      </c>
      <c r="D7" s="37" t="s">
        <v>251</v>
      </c>
      <c r="E7" s="37" t="s">
        <v>11</v>
      </c>
      <c r="F7" s="38" t="s">
        <v>11</v>
      </c>
      <c r="G7" s="92"/>
    </row>
    <row r="8" spans="1:8" x14ac:dyDescent="0.25">
      <c r="A8" s="37" t="s">
        <v>257</v>
      </c>
      <c r="B8" s="37" t="s">
        <v>5</v>
      </c>
      <c r="C8" s="37" t="s">
        <v>250</v>
      </c>
      <c r="D8" s="37" t="s">
        <v>250</v>
      </c>
      <c r="E8" s="37" t="s">
        <v>251</v>
      </c>
      <c r="F8" s="37" t="s">
        <v>11</v>
      </c>
      <c r="G8" s="92"/>
    </row>
    <row r="9" spans="1:8" x14ac:dyDescent="0.25">
      <c r="A9" s="37" t="s">
        <v>258</v>
      </c>
      <c r="B9" s="37" t="s">
        <v>5</v>
      </c>
      <c r="C9" s="37" t="s">
        <v>11</v>
      </c>
      <c r="D9" s="37" t="s">
        <v>251</v>
      </c>
      <c r="E9" s="37" t="s">
        <v>11</v>
      </c>
      <c r="F9" s="37" t="s">
        <v>11</v>
      </c>
      <c r="G9" s="92"/>
    </row>
    <row r="10" spans="1:8" x14ac:dyDescent="0.25">
      <c r="A10" s="37" t="s">
        <v>259</v>
      </c>
      <c r="B10" s="37" t="s">
        <v>5</v>
      </c>
      <c r="C10" s="37" t="s">
        <v>11</v>
      </c>
      <c r="D10" s="37" t="s">
        <v>251</v>
      </c>
      <c r="E10" s="37" t="s">
        <v>11</v>
      </c>
      <c r="F10" s="37" t="s">
        <v>11</v>
      </c>
      <c r="G10" s="92"/>
    </row>
    <row r="11" spans="1:8" x14ac:dyDescent="0.25">
      <c r="A11" s="37" t="s">
        <v>260</v>
      </c>
      <c r="B11" s="37" t="s">
        <v>5</v>
      </c>
      <c r="C11" s="37" t="s">
        <v>11</v>
      </c>
      <c r="D11" s="37" t="s">
        <v>250</v>
      </c>
      <c r="E11" s="37" t="s">
        <v>250</v>
      </c>
      <c r="F11" s="37" t="s">
        <v>11</v>
      </c>
      <c r="G11" s="92"/>
    </row>
    <row r="12" spans="1:8" x14ac:dyDescent="0.25">
      <c r="A12" s="37" t="s">
        <v>261</v>
      </c>
      <c r="B12" s="37" t="s">
        <v>5</v>
      </c>
      <c r="C12" s="37" t="s">
        <v>11</v>
      </c>
      <c r="D12" s="37" t="s">
        <v>250</v>
      </c>
      <c r="E12" s="37" t="s">
        <v>251</v>
      </c>
      <c r="F12" s="37" t="s">
        <v>11</v>
      </c>
      <c r="G12" s="92"/>
    </row>
    <row r="13" spans="1:8" x14ac:dyDescent="0.25">
      <c r="A13" s="37" t="s">
        <v>262</v>
      </c>
      <c r="B13" s="37" t="s">
        <v>5</v>
      </c>
      <c r="C13" s="37" t="s">
        <v>11</v>
      </c>
      <c r="D13" s="37" t="s">
        <v>251</v>
      </c>
      <c r="E13" s="37" t="s">
        <v>251</v>
      </c>
      <c r="F13" s="37" t="s">
        <v>11</v>
      </c>
      <c r="G13" s="92"/>
    </row>
    <row r="14" spans="1:8" x14ac:dyDescent="0.25">
      <c r="A14" s="37" t="s">
        <v>263</v>
      </c>
      <c r="B14" s="37" t="s">
        <v>5</v>
      </c>
      <c r="C14" s="37" t="s">
        <v>250</v>
      </c>
      <c r="D14" s="37" t="s">
        <v>251</v>
      </c>
      <c r="E14" s="37" t="s">
        <v>250</v>
      </c>
      <c r="F14" s="37" t="s">
        <v>11</v>
      </c>
      <c r="G14" s="92"/>
    </row>
    <row r="15" spans="1:8" x14ac:dyDescent="0.25">
      <c r="A15" s="37" t="s">
        <v>264</v>
      </c>
      <c r="B15" s="37" t="s">
        <v>5</v>
      </c>
      <c r="C15" s="37" t="s">
        <v>11</v>
      </c>
      <c r="D15" s="37" t="s">
        <v>251</v>
      </c>
      <c r="E15" s="37" t="s">
        <v>11</v>
      </c>
      <c r="F15" s="37" t="s">
        <v>11</v>
      </c>
      <c r="G15" s="92"/>
    </row>
    <row r="16" spans="1:8" x14ac:dyDescent="0.25">
      <c r="A16" s="37" t="s">
        <v>265</v>
      </c>
      <c r="B16" s="37" t="s">
        <v>5</v>
      </c>
      <c r="C16" s="37" t="s">
        <v>250</v>
      </c>
      <c r="D16" s="37" t="s">
        <v>250</v>
      </c>
      <c r="E16" s="37" t="s">
        <v>11</v>
      </c>
      <c r="F16" s="37" t="s">
        <v>11</v>
      </c>
      <c r="G16" s="92"/>
    </row>
    <row r="17" spans="1:7" x14ac:dyDescent="0.25">
      <c r="A17" s="37" t="s">
        <v>266</v>
      </c>
      <c r="B17" s="37" t="s">
        <v>5</v>
      </c>
      <c r="C17" s="37" t="s">
        <v>11</v>
      </c>
      <c r="D17" s="37" t="s">
        <v>251</v>
      </c>
      <c r="E17" s="37" t="s">
        <v>11</v>
      </c>
      <c r="F17" s="37" t="s">
        <v>11</v>
      </c>
      <c r="G17" s="92"/>
    </row>
    <row r="18" spans="1:7" x14ac:dyDescent="0.25">
      <c r="A18" s="37" t="s">
        <v>267</v>
      </c>
      <c r="B18" s="37" t="s">
        <v>5</v>
      </c>
      <c r="C18" s="37" t="s">
        <v>11</v>
      </c>
      <c r="D18" s="37" t="s">
        <v>250</v>
      </c>
      <c r="E18" s="37" t="s">
        <v>251</v>
      </c>
      <c r="F18" s="37" t="s">
        <v>11</v>
      </c>
      <c r="G18" s="92"/>
    </row>
    <row r="19" spans="1:7" x14ac:dyDescent="0.25">
      <c r="A19" s="37" t="s">
        <v>268</v>
      </c>
      <c r="B19" s="37" t="s">
        <v>5</v>
      </c>
      <c r="C19" s="37" t="s">
        <v>250</v>
      </c>
      <c r="D19" s="37" t="s">
        <v>250</v>
      </c>
      <c r="E19" s="37" t="s">
        <v>11</v>
      </c>
      <c r="F19" s="37" t="s">
        <v>12</v>
      </c>
      <c r="G19" s="92"/>
    </row>
    <row r="20" spans="1:7" x14ac:dyDescent="0.25">
      <c r="A20" s="37" t="s">
        <v>269</v>
      </c>
      <c r="B20" s="37" t="s">
        <v>5</v>
      </c>
      <c r="C20" s="37" t="s">
        <v>11</v>
      </c>
      <c r="D20" s="37" t="s">
        <v>250</v>
      </c>
      <c r="E20" s="37" t="s">
        <v>11</v>
      </c>
      <c r="F20" s="37" t="s">
        <v>11</v>
      </c>
      <c r="G20" s="92"/>
    </row>
    <row r="21" spans="1:7" x14ac:dyDescent="0.25">
      <c r="A21" s="37" t="s">
        <v>270</v>
      </c>
      <c r="B21" s="37" t="s">
        <v>5</v>
      </c>
      <c r="C21" s="37" t="s">
        <v>11</v>
      </c>
      <c r="D21" s="37" t="s">
        <v>271</v>
      </c>
      <c r="E21" s="37" t="s">
        <v>11</v>
      </c>
      <c r="F21" s="37" t="s">
        <v>11</v>
      </c>
      <c r="G21" s="92"/>
    </row>
    <row r="22" spans="1:7" x14ac:dyDescent="0.25">
      <c r="A22" s="37" t="s">
        <v>272</v>
      </c>
      <c r="B22" s="37" t="s">
        <v>5</v>
      </c>
      <c r="C22" s="37" t="s">
        <v>11</v>
      </c>
      <c r="D22" s="37" t="s">
        <v>250</v>
      </c>
      <c r="E22" s="37" t="s">
        <v>251</v>
      </c>
      <c r="F22" s="37" t="s">
        <v>11</v>
      </c>
      <c r="G22" s="92"/>
    </row>
    <row r="23" spans="1:7" x14ac:dyDescent="0.25">
      <c r="A23" s="37" t="s">
        <v>273</v>
      </c>
      <c r="B23" s="37" t="s">
        <v>5</v>
      </c>
      <c r="C23" s="37" t="s">
        <v>250</v>
      </c>
      <c r="D23" s="37" t="s">
        <v>251</v>
      </c>
      <c r="E23" s="37" t="s">
        <v>251</v>
      </c>
      <c r="F23" s="37" t="s">
        <v>11</v>
      </c>
      <c r="G23" s="92"/>
    </row>
    <row r="24" spans="1:7" x14ac:dyDescent="0.25">
      <c r="A24" s="37" t="s">
        <v>274</v>
      </c>
      <c r="B24" s="37" t="s">
        <v>5</v>
      </c>
      <c r="C24" s="37" t="s">
        <v>250</v>
      </c>
      <c r="D24" s="37" t="s">
        <v>250</v>
      </c>
      <c r="E24" s="37" t="s">
        <v>251</v>
      </c>
      <c r="F24" s="37" t="s">
        <v>11</v>
      </c>
      <c r="G24" s="92"/>
    </row>
    <row r="25" spans="1:7" x14ac:dyDescent="0.25">
      <c r="A25" s="37" t="s">
        <v>275</v>
      </c>
      <c r="B25" s="37" t="s">
        <v>5</v>
      </c>
      <c r="C25" s="37" t="s">
        <v>250</v>
      </c>
      <c r="D25" s="37" t="s">
        <v>250</v>
      </c>
      <c r="E25" s="37" t="s">
        <v>251</v>
      </c>
      <c r="F25" s="37" t="s">
        <v>11</v>
      </c>
      <c r="G25" s="92"/>
    </row>
    <row r="26" spans="1:7" x14ac:dyDescent="0.25">
      <c r="A26" s="37" t="s">
        <v>276</v>
      </c>
      <c r="B26" s="37" t="s">
        <v>5</v>
      </c>
      <c r="C26" s="37" t="s">
        <v>251</v>
      </c>
      <c r="D26" s="37" t="s">
        <v>251</v>
      </c>
      <c r="E26" s="37" t="s">
        <v>11</v>
      </c>
      <c r="F26" s="37" t="s">
        <v>11</v>
      </c>
      <c r="G26" s="92"/>
    </row>
    <row r="27" spans="1:7" x14ac:dyDescent="0.25">
      <c r="A27" s="37" t="s">
        <v>277</v>
      </c>
      <c r="B27" s="37" t="s">
        <v>5</v>
      </c>
      <c r="C27" s="37" t="s">
        <v>11</v>
      </c>
      <c r="D27" s="37" t="s">
        <v>251</v>
      </c>
      <c r="E27" s="37" t="s">
        <v>251</v>
      </c>
      <c r="F27" s="37" t="s">
        <v>11</v>
      </c>
      <c r="G27" s="92"/>
    </row>
    <row r="28" spans="1:7" x14ac:dyDescent="0.25">
      <c r="A28" s="37" t="s">
        <v>278</v>
      </c>
      <c r="B28" s="37" t="s">
        <v>5</v>
      </c>
      <c r="C28" s="37" t="s">
        <v>11</v>
      </c>
      <c r="D28" s="37" t="s">
        <v>250</v>
      </c>
      <c r="E28" s="37" t="s">
        <v>250</v>
      </c>
      <c r="F28" s="37" t="s">
        <v>11</v>
      </c>
      <c r="G28" s="92"/>
    </row>
    <row r="29" spans="1:7" x14ac:dyDescent="0.25">
      <c r="A29" s="37" t="s">
        <v>279</v>
      </c>
      <c r="B29" s="37" t="s">
        <v>5</v>
      </c>
      <c r="C29" s="37" t="s">
        <v>11</v>
      </c>
      <c r="D29" s="37" t="s">
        <v>251</v>
      </c>
      <c r="E29" s="37" t="s">
        <v>11</v>
      </c>
      <c r="F29" s="37" t="s">
        <v>11</v>
      </c>
      <c r="G29" s="92"/>
    </row>
    <row r="30" spans="1:7" x14ac:dyDescent="0.25">
      <c r="A30" s="37" t="s">
        <v>280</v>
      </c>
      <c r="B30" s="37" t="s">
        <v>5</v>
      </c>
      <c r="C30" s="37" t="s">
        <v>11</v>
      </c>
      <c r="D30" s="37" t="s">
        <v>251</v>
      </c>
      <c r="E30" s="37" t="s">
        <v>11</v>
      </c>
      <c r="F30" s="37" t="s">
        <v>11</v>
      </c>
      <c r="G30" s="92"/>
    </row>
    <row r="31" spans="1:7" x14ac:dyDescent="0.25">
      <c r="A31" s="37" t="s">
        <v>281</v>
      </c>
      <c r="B31" s="37" t="s">
        <v>5</v>
      </c>
      <c r="C31" s="37" t="s">
        <v>11</v>
      </c>
      <c r="D31" s="37" t="s">
        <v>250</v>
      </c>
      <c r="E31" s="37" t="s">
        <v>282</v>
      </c>
      <c r="F31" s="37" t="s">
        <v>11</v>
      </c>
      <c r="G31" s="92"/>
    </row>
    <row r="32" spans="1:7" x14ac:dyDescent="0.25">
      <c r="A32" s="37" t="s">
        <v>283</v>
      </c>
      <c r="B32" s="37" t="s">
        <v>5</v>
      </c>
      <c r="C32" s="37" t="s">
        <v>250</v>
      </c>
      <c r="D32" s="37" t="s">
        <v>251</v>
      </c>
      <c r="E32" s="37" t="s">
        <v>251</v>
      </c>
      <c r="F32" s="38" t="s">
        <v>11</v>
      </c>
      <c r="G32" s="92"/>
    </row>
    <row r="33" spans="1:7" x14ac:dyDescent="0.25">
      <c r="A33" s="37" t="s">
        <v>284</v>
      </c>
      <c r="B33" s="37" t="s">
        <v>5</v>
      </c>
      <c r="C33" s="37" t="s">
        <v>11</v>
      </c>
      <c r="D33" s="37" t="s">
        <v>251</v>
      </c>
      <c r="E33" s="37" t="s">
        <v>11</v>
      </c>
      <c r="F33" s="37" t="s">
        <v>11</v>
      </c>
      <c r="G33" s="92"/>
    </row>
    <row r="34" spans="1:7" x14ac:dyDescent="0.25">
      <c r="A34" s="37" t="s">
        <v>285</v>
      </c>
      <c r="B34" s="37" t="s">
        <v>5</v>
      </c>
      <c r="C34" s="37" t="s">
        <v>250</v>
      </c>
      <c r="D34" s="37" t="s">
        <v>251</v>
      </c>
      <c r="E34" s="37" t="s">
        <v>251</v>
      </c>
      <c r="F34" s="37" t="s">
        <v>11</v>
      </c>
      <c r="G34" s="92"/>
    </row>
    <row r="35" spans="1:7" x14ac:dyDescent="0.25">
      <c r="A35" s="37" t="s">
        <v>286</v>
      </c>
      <c r="B35" s="37" t="s">
        <v>5</v>
      </c>
      <c r="C35" s="37" t="s">
        <v>250</v>
      </c>
      <c r="D35" s="37" t="s">
        <v>251</v>
      </c>
      <c r="E35" s="37" t="s">
        <v>251</v>
      </c>
      <c r="F35" s="37" t="s">
        <v>11</v>
      </c>
      <c r="G35" s="93"/>
    </row>
  </sheetData>
  <mergeCells count="4">
    <mergeCell ref="A2:A3"/>
    <mergeCell ref="B2:F2"/>
    <mergeCell ref="G4:G35"/>
    <mergeCell ref="A1:G1"/>
  </mergeCells>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117"/>
  <sheetViews>
    <sheetView zoomScaleNormal="100" workbookViewId="0">
      <pane ySplit="2" topLeftCell="A3" activePane="bottomLeft" state="frozen"/>
      <selection pane="bottomLeft" sqref="A1:F1"/>
    </sheetView>
  </sheetViews>
  <sheetFormatPr defaultColWidth="9.140625" defaultRowHeight="15" x14ac:dyDescent="0.25"/>
  <cols>
    <col min="1" max="1" width="21.7109375" style="20" bestFit="1" customWidth="1"/>
    <col min="2" max="2" width="24.85546875" bestFit="1" customWidth="1"/>
    <col min="3" max="3" width="21.42578125" bestFit="1" customWidth="1"/>
    <col min="4" max="4" width="67.5703125" bestFit="1" customWidth="1"/>
    <col min="5" max="5" width="22" bestFit="1" customWidth="1"/>
    <col min="6" max="6" width="29.140625" bestFit="1" customWidth="1"/>
  </cols>
  <sheetData>
    <row r="1" spans="1:8" ht="69.95" customHeight="1" x14ac:dyDescent="0.25">
      <c r="A1" s="94" t="s">
        <v>382</v>
      </c>
      <c r="B1" s="94"/>
      <c r="C1" s="94"/>
      <c r="D1" s="94"/>
      <c r="E1" s="94"/>
      <c r="F1" s="94"/>
      <c r="G1" s="28"/>
      <c r="H1" s="28"/>
    </row>
    <row r="2" spans="1:8" ht="15" customHeight="1" x14ac:dyDescent="0.25">
      <c r="A2" s="32" t="s">
        <v>374</v>
      </c>
      <c r="B2" s="32" t="s">
        <v>78</v>
      </c>
      <c r="C2" s="32" t="s">
        <v>380</v>
      </c>
      <c r="D2" s="32" t="s">
        <v>79</v>
      </c>
      <c r="E2" s="32" t="s">
        <v>381</v>
      </c>
      <c r="F2" s="32" t="s">
        <v>80</v>
      </c>
    </row>
    <row r="3" spans="1:8" ht="15" customHeight="1" x14ac:dyDescent="0.25">
      <c r="A3" s="25" t="s">
        <v>375</v>
      </c>
      <c r="B3" s="49" t="s">
        <v>0</v>
      </c>
      <c r="C3" s="25">
        <v>300</v>
      </c>
      <c r="D3" s="25" t="s">
        <v>0</v>
      </c>
      <c r="E3" s="34">
        <v>29</v>
      </c>
      <c r="F3" s="25" t="s">
        <v>48</v>
      </c>
    </row>
    <row r="4" spans="1:8" ht="15" customHeight="1" x14ac:dyDescent="0.25">
      <c r="A4" s="25" t="s">
        <v>375</v>
      </c>
      <c r="B4" s="49" t="s">
        <v>49</v>
      </c>
      <c r="C4" s="25">
        <v>301</v>
      </c>
      <c r="D4" s="25" t="s">
        <v>81</v>
      </c>
      <c r="E4" s="34">
        <v>28</v>
      </c>
      <c r="F4" s="25" t="s">
        <v>50</v>
      </c>
    </row>
    <row r="5" spans="1:8" ht="15" customHeight="1" x14ac:dyDescent="0.25">
      <c r="A5" s="25" t="s">
        <v>375</v>
      </c>
      <c r="B5" s="49" t="s">
        <v>49</v>
      </c>
      <c r="C5" s="25">
        <v>302</v>
      </c>
      <c r="D5" s="25" t="s">
        <v>82</v>
      </c>
      <c r="E5" s="34">
        <v>28</v>
      </c>
      <c r="F5" s="25" t="s">
        <v>50</v>
      </c>
    </row>
    <row r="6" spans="1:8" ht="15" customHeight="1" x14ac:dyDescent="0.25">
      <c r="A6" s="25" t="s">
        <v>375</v>
      </c>
      <c r="B6" s="49" t="s">
        <v>49</v>
      </c>
      <c r="C6" s="25">
        <v>303</v>
      </c>
      <c r="D6" s="25" t="s">
        <v>83</v>
      </c>
      <c r="E6" s="34">
        <v>28</v>
      </c>
      <c r="F6" s="25" t="s">
        <v>50</v>
      </c>
    </row>
    <row r="7" spans="1:8" ht="15" customHeight="1" x14ac:dyDescent="0.25">
      <c r="A7" s="25" t="s">
        <v>375</v>
      </c>
      <c r="B7" s="49" t="s">
        <v>49</v>
      </c>
      <c r="C7" s="25">
        <v>304</v>
      </c>
      <c r="D7" s="25" t="s">
        <v>84</v>
      </c>
      <c r="E7" s="34">
        <v>17</v>
      </c>
      <c r="F7" s="25" t="s">
        <v>51</v>
      </c>
    </row>
    <row r="8" spans="1:8" ht="15" customHeight="1" x14ac:dyDescent="0.25">
      <c r="A8" s="25" t="s">
        <v>375</v>
      </c>
      <c r="B8" s="49" t="s">
        <v>49</v>
      </c>
      <c r="C8" s="25">
        <v>305</v>
      </c>
      <c r="D8" s="25" t="s">
        <v>85</v>
      </c>
      <c r="E8" s="34">
        <v>28</v>
      </c>
      <c r="F8" s="25" t="s">
        <v>50</v>
      </c>
    </row>
    <row r="9" spans="1:8" ht="15" customHeight="1" x14ac:dyDescent="0.25">
      <c r="A9" s="25" t="s">
        <v>375</v>
      </c>
      <c r="B9" s="49" t="s">
        <v>49</v>
      </c>
      <c r="C9" s="25">
        <v>306</v>
      </c>
      <c r="D9" s="25" t="s">
        <v>86</v>
      </c>
      <c r="E9" s="34">
        <v>28</v>
      </c>
      <c r="F9" s="25" t="s">
        <v>50</v>
      </c>
    </row>
    <row r="10" spans="1:8" ht="15" customHeight="1" x14ac:dyDescent="0.25">
      <c r="A10" s="25" t="s">
        <v>359</v>
      </c>
      <c r="B10" s="50" t="s">
        <v>49</v>
      </c>
      <c r="C10" s="24">
        <v>382</v>
      </c>
      <c r="D10" s="35" t="s">
        <v>287</v>
      </c>
      <c r="E10" s="25">
        <v>29</v>
      </c>
      <c r="F10" s="25" t="s">
        <v>48</v>
      </c>
    </row>
    <row r="11" spans="1:8" ht="15" customHeight="1" x14ac:dyDescent="0.25">
      <c r="A11" s="25" t="s">
        <v>375</v>
      </c>
      <c r="B11" s="49" t="s">
        <v>52</v>
      </c>
      <c r="C11" s="25">
        <v>311</v>
      </c>
      <c r="D11" s="25" t="s">
        <v>87</v>
      </c>
      <c r="E11" s="34">
        <v>7</v>
      </c>
      <c r="F11" s="25" t="s">
        <v>53</v>
      </c>
    </row>
    <row r="12" spans="1:8" ht="15" customHeight="1" x14ac:dyDescent="0.25">
      <c r="A12" s="25" t="s">
        <v>375</v>
      </c>
      <c r="B12" s="49" t="s">
        <v>52</v>
      </c>
      <c r="C12" s="25">
        <v>312</v>
      </c>
      <c r="D12" s="25" t="s">
        <v>88</v>
      </c>
      <c r="E12" s="34">
        <v>7</v>
      </c>
      <c r="F12" s="25" t="s">
        <v>53</v>
      </c>
    </row>
    <row r="13" spans="1:8" ht="15" customHeight="1" x14ac:dyDescent="0.25">
      <c r="A13" s="25" t="s">
        <v>375</v>
      </c>
      <c r="B13" s="49" t="s">
        <v>52</v>
      </c>
      <c r="C13" s="25">
        <v>313</v>
      </c>
      <c r="D13" s="25" t="s">
        <v>89</v>
      </c>
      <c r="E13" s="34">
        <v>7</v>
      </c>
      <c r="F13" s="25" t="s">
        <v>53</v>
      </c>
    </row>
    <row r="14" spans="1:8" ht="15" customHeight="1" x14ac:dyDescent="0.25">
      <c r="A14" s="25" t="s">
        <v>375</v>
      </c>
      <c r="B14" s="49" t="s">
        <v>52</v>
      </c>
      <c r="C14" s="25">
        <v>314</v>
      </c>
      <c r="D14" s="25" t="s">
        <v>90</v>
      </c>
      <c r="E14" s="34">
        <v>7</v>
      </c>
      <c r="F14" s="25" t="s">
        <v>53</v>
      </c>
    </row>
    <row r="15" spans="1:8" ht="15" customHeight="1" x14ac:dyDescent="0.25">
      <c r="A15" s="25" t="s">
        <v>375</v>
      </c>
      <c r="B15" s="49" t="s">
        <v>52</v>
      </c>
      <c r="C15" s="25">
        <v>315</v>
      </c>
      <c r="D15" s="25" t="s">
        <v>91</v>
      </c>
      <c r="E15" s="34">
        <v>7</v>
      </c>
      <c r="F15" s="25" t="s">
        <v>53</v>
      </c>
    </row>
    <row r="16" spans="1:8" ht="15" customHeight="1" x14ac:dyDescent="0.25">
      <c r="A16" s="25" t="s">
        <v>375</v>
      </c>
      <c r="B16" s="49" t="s">
        <v>52</v>
      </c>
      <c r="C16" s="25">
        <v>316</v>
      </c>
      <c r="D16" s="25" t="s">
        <v>92</v>
      </c>
      <c r="E16" s="34">
        <v>16</v>
      </c>
      <c r="F16" s="25" t="s">
        <v>55</v>
      </c>
    </row>
    <row r="17" spans="1:6" ht="15" customHeight="1" x14ac:dyDescent="0.25">
      <c r="A17" s="25" t="s">
        <v>375</v>
      </c>
      <c r="B17" s="49" t="s">
        <v>52</v>
      </c>
      <c r="C17" s="25">
        <v>317</v>
      </c>
      <c r="D17" s="25" t="s">
        <v>93</v>
      </c>
      <c r="E17" s="34">
        <v>29</v>
      </c>
      <c r="F17" s="25" t="s">
        <v>48</v>
      </c>
    </row>
    <row r="18" spans="1:6" ht="15" customHeight="1" x14ac:dyDescent="0.25">
      <c r="A18" s="25" t="s">
        <v>375</v>
      </c>
      <c r="B18" s="49" t="s">
        <v>52</v>
      </c>
      <c r="C18" s="25">
        <v>318</v>
      </c>
      <c r="D18" s="25" t="s">
        <v>56</v>
      </c>
      <c r="E18" s="34">
        <v>12</v>
      </c>
      <c r="F18" s="25" t="s">
        <v>56</v>
      </c>
    </row>
    <row r="19" spans="1:6" x14ac:dyDescent="0.25">
      <c r="A19" s="25" t="s">
        <v>359</v>
      </c>
      <c r="B19" s="51" t="s">
        <v>52</v>
      </c>
      <c r="C19" s="36">
        <v>319</v>
      </c>
      <c r="D19" s="35" t="s">
        <v>288</v>
      </c>
      <c r="E19" s="25">
        <v>29</v>
      </c>
      <c r="F19" s="25" t="s">
        <v>48</v>
      </c>
    </row>
    <row r="20" spans="1:6" x14ac:dyDescent="0.25">
      <c r="A20" s="25" t="s">
        <v>359</v>
      </c>
      <c r="B20" s="51" t="s">
        <v>52</v>
      </c>
      <c r="C20" s="36">
        <v>383</v>
      </c>
      <c r="D20" s="35" t="s">
        <v>287</v>
      </c>
      <c r="E20" s="25">
        <v>29</v>
      </c>
      <c r="F20" s="25" t="s">
        <v>48</v>
      </c>
    </row>
    <row r="21" spans="1:6" ht="15" customHeight="1" x14ac:dyDescent="0.25">
      <c r="A21" s="25" t="s">
        <v>375</v>
      </c>
      <c r="B21" s="49" t="s">
        <v>57</v>
      </c>
      <c r="C21" s="25">
        <v>321</v>
      </c>
      <c r="D21" s="25" t="s">
        <v>94</v>
      </c>
      <c r="E21" s="34">
        <v>18</v>
      </c>
      <c r="F21" s="25" t="s">
        <v>58</v>
      </c>
    </row>
    <row r="22" spans="1:6" ht="15" customHeight="1" x14ac:dyDescent="0.25">
      <c r="A22" s="25" t="s">
        <v>375</v>
      </c>
      <c r="B22" s="49" t="s">
        <v>57</v>
      </c>
      <c r="C22" s="25">
        <v>322</v>
      </c>
      <c r="D22" s="25" t="s">
        <v>95</v>
      </c>
      <c r="E22" s="34">
        <v>13</v>
      </c>
      <c r="F22" s="25" t="s">
        <v>59</v>
      </c>
    </row>
    <row r="23" spans="1:6" ht="15" customHeight="1" x14ac:dyDescent="0.25">
      <c r="A23" s="25" t="s">
        <v>375</v>
      </c>
      <c r="B23" s="49" t="s">
        <v>57</v>
      </c>
      <c r="C23" s="25">
        <v>323</v>
      </c>
      <c r="D23" s="25" t="s">
        <v>96</v>
      </c>
      <c r="E23" s="34">
        <v>13</v>
      </c>
      <c r="F23" s="25" t="s">
        <v>59</v>
      </c>
    </row>
    <row r="24" spans="1:6" ht="15" customHeight="1" x14ac:dyDescent="0.25">
      <c r="A24" s="25" t="s">
        <v>375</v>
      </c>
      <c r="B24" s="49" t="s">
        <v>57</v>
      </c>
      <c r="C24" s="25">
        <v>324</v>
      </c>
      <c r="D24" s="25" t="s">
        <v>97</v>
      </c>
      <c r="E24" s="34">
        <v>29</v>
      </c>
      <c r="F24" s="25" t="s">
        <v>48</v>
      </c>
    </row>
    <row r="25" spans="1:6" ht="15" customHeight="1" x14ac:dyDescent="0.25">
      <c r="A25" s="25" t="s">
        <v>375</v>
      </c>
      <c r="B25" s="49" t="s">
        <v>57</v>
      </c>
      <c r="C25" s="25">
        <v>325</v>
      </c>
      <c r="D25" s="25" t="s">
        <v>98</v>
      </c>
      <c r="E25" s="34">
        <v>9</v>
      </c>
      <c r="F25" s="25" t="s">
        <v>114</v>
      </c>
    </row>
    <row r="26" spans="1:6" ht="15" customHeight="1" x14ac:dyDescent="0.25">
      <c r="A26" s="25" t="s">
        <v>375</v>
      </c>
      <c r="B26" s="49" t="s">
        <v>57</v>
      </c>
      <c r="C26" s="25">
        <v>326</v>
      </c>
      <c r="D26" s="25" t="s">
        <v>99</v>
      </c>
      <c r="E26" s="34">
        <v>8</v>
      </c>
      <c r="F26" s="25" t="s">
        <v>112</v>
      </c>
    </row>
    <row r="27" spans="1:6" ht="15" customHeight="1" x14ac:dyDescent="0.25">
      <c r="A27" s="25" t="s">
        <v>375</v>
      </c>
      <c r="B27" s="49" t="s">
        <v>57</v>
      </c>
      <c r="C27" s="25">
        <v>327</v>
      </c>
      <c r="D27" s="25" t="s">
        <v>100</v>
      </c>
      <c r="E27" s="34">
        <v>18</v>
      </c>
      <c r="F27" s="25" t="s">
        <v>58</v>
      </c>
    </row>
    <row r="28" spans="1:6" ht="15" customHeight="1" x14ac:dyDescent="0.25">
      <c r="A28" s="25" t="s">
        <v>375</v>
      </c>
      <c r="B28" s="49" t="s">
        <v>57</v>
      </c>
      <c r="C28" s="25">
        <v>328</v>
      </c>
      <c r="D28" s="25" t="s">
        <v>60</v>
      </c>
      <c r="E28" s="34">
        <v>18</v>
      </c>
      <c r="F28" s="25" t="s">
        <v>58</v>
      </c>
    </row>
    <row r="29" spans="1:6" ht="15" customHeight="1" x14ac:dyDescent="0.25">
      <c r="A29" s="25" t="s">
        <v>375</v>
      </c>
      <c r="B29" s="49" t="s">
        <v>57</v>
      </c>
      <c r="C29" s="25">
        <v>329</v>
      </c>
      <c r="D29" s="25" t="s">
        <v>61</v>
      </c>
      <c r="E29" s="34">
        <v>18</v>
      </c>
      <c r="F29" s="25" t="s">
        <v>58</v>
      </c>
    </row>
    <row r="30" spans="1:6" ht="15" customHeight="1" x14ac:dyDescent="0.25">
      <c r="A30" s="25" t="s">
        <v>375</v>
      </c>
      <c r="B30" s="49" t="s">
        <v>57</v>
      </c>
      <c r="C30" s="25">
        <v>330</v>
      </c>
      <c r="D30" s="25" t="s">
        <v>62</v>
      </c>
      <c r="E30" s="34">
        <v>18</v>
      </c>
      <c r="F30" s="25" t="s">
        <v>58</v>
      </c>
    </row>
    <row r="31" spans="1:6" ht="15" customHeight="1" x14ac:dyDescent="0.25">
      <c r="A31" s="25" t="s">
        <v>359</v>
      </c>
      <c r="B31" s="50" t="s">
        <v>57</v>
      </c>
      <c r="C31" s="24">
        <v>384</v>
      </c>
      <c r="D31" s="35" t="s">
        <v>287</v>
      </c>
      <c r="E31" s="25">
        <v>29</v>
      </c>
      <c r="F31" s="25" t="s">
        <v>48</v>
      </c>
    </row>
    <row r="32" spans="1:6" ht="15" customHeight="1" x14ac:dyDescent="0.25">
      <c r="A32" s="25" t="s">
        <v>375</v>
      </c>
      <c r="B32" s="49" t="s">
        <v>63</v>
      </c>
      <c r="C32" s="25">
        <v>331</v>
      </c>
      <c r="D32" s="25" t="s">
        <v>63</v>
      </c>
      <c r="E32" s="34">
        <v>24</v>
      </c>
      <c r="F32" s="25" t="s">
        <v>64</v>
      </c>
    </row>
    <row r="33" spans="1:6" s="11" customFormat="1" x14ac:dyDescent="0.25">
      <c r="A33" s="25" t="s">
        <v>359</v>
      </c>
      <c r="B33" s="51" t="s">
        <v>289</v>
      </c>
      <c r="C33" s="24">
        <v>335</v>
      </c>
      <c r="D33" s="35" t="s">
        <v>290</v>
      </c>
      <c r="E33" s="25">
        <v>30</v>
      </c>
      <c r="F33" s="25" t="s">
        <v>116</v>
      </c>
    </row>
    <row r="34" spans="1:6" ht="15" customHeight="1" x14ac:dyDescent="0.25">
      <c r="A34" s="25" t="s">
        <v>359</v>
      </c>
      <c r="B34" s="51" t="s">
        <v>289</v>
      </c>
      <c r="C34" s="24">
        <v>336</v>
      </c>
      <c r="D34" s="35" t="s">
        <v>291</v>
      </c>
      <c r="E34" s="25">
        <v>29</v>
      </c>
      <c r="F34" s="25" t="s">
        <v>48</v>
      </c>
    </row>
    <row r="35" spans="1:6" s="20" customFormat="1" ht="15" customHeight="1" x14ac:dyDescent="0.25">
      <c r="A35" s="25" t="s">
        <v>375</v>
      </c>
      <c r="B35" s="49" t="s">
        <v>385</v>
      </c>
      <c r="C35" s="25">
        <v>341</v>
      </c>
      <c r="D35" s="35" t="s">
        <v>101</v>
      </c>
      <c r="E35" s="25">
        <v>29</v>
      </c>
      <c r="F35" s="25" t="s">
        <v>48</v>
      </c>
    </row>
    <row r="36" spans="1:6" s="20" customFormat="1" ht="15" customHeight="1" x14ac:dyDescent="0.25">
      <c r="A36" s="25" t="s">
        <v>375</v>
      </c>
      <c r="B36" s="49" t="s">
        <v>385</v>
      </c>
      <c r="C36" s="25">
        <v>342</v>
      </c>
      <c r="D36" s="35" t="s">
        <v>383</v>
      </c>
      <c r="E36" s="25">
        <v>29</v>
      </c>
      <c r="F36" s="25" t="s">
        <v>48</v>
      </c>
    </row>
    <row r="37" spans="1:6" ht="15" customHeight="1" x14ac:dyDescent="0.25">
      <c r="A37" s="25" t="s">
        <v>375</v>
      </c>
      <c r="B37" s="49" t="s">
        <v>385</v>
      </c>
      <c r="C37" s="25">
        <v>343</v>
      </c>
      <c r="D37" s="25" t="s">
        <v>102</v>
      </c>
      <c r="E37" s="34">
        <v>7</v>
      </c>
      <c r="F37" s="25" t="s">
        <v>53</v>
      </c>
    </row>
    <row r="38" spans="1:6" ht="15" customHeight="1" x14ac:dyDescent="0.25">
      <c r="A38" s="25" t="s">
        <v>375</v>
      </c>
      <c r="B38" s="49" t="s">
        <v>385</v>
      </c>
      <c r="C38" s="25">
        <v>344</v>
      </c>
      <c r="D38" s="25" t="s">
        <v>103</v>
      </c>
      <c r="E38" s="34">
        <v>25</v>
      </c>
      <c r="F38" s="25" t="s">
        <v>66</v>
      </c>
    </row>
    <row r="39" spans="1:6" ht="15" customHeight="1" x14ac:dyDescent="0.25">
      <c r="A39" s="25" t="s">
        <v>375</v>
      </c>
      <c r="B39" s="49" t="s">
        <v>67</v>
      </c>
      <c r="C39" s="25">
        <v>345</v>
      </c>
      <c r="D39" s="25" t="s">
        <v>384</v>
      </c>
      <c r="E39" s="34">
        <v>11</v>
      </c>
      <c r="F39" s="25" t="s">
        <v>68</v>
      </c>
    </row>
    <row r="40" spans="1:6" ht="15" customHeight="1" x14ac:dyDescent="0.25">
      <c r="A40" s="25" t="s">
        <v>359</v>
      </c>
      <c r="B40" s="50" t="s">
        <v>67</v>
      </c>
      <c r="C40" s="36">
        <v>346</v>
      </c>
      <c r="D40" s="35" t="s">
        <v>292</v>
      </c>
      <c r="E40" s="34">
        <v>11</v>
      </c>
      <c r="F40" s="25" t="s">
        <v>68</v>
      </c>
    </row>
    <row r="41" spans="1:6" s="20" customFormat="1" ht="15" customHeight="1" x14ac:dyDescent="0.25">
      <c r="A41" s="25" t="s">
        <v>375</v>
      </c>
      <c r="B41" s="49" t="s">
        <v>69</v>
      </c>
      <c r="C41" s="36">
        <v>351</v>
      </c>
      <c r="D41" s="35" t="s">
        <v>70</v>
      </c>
      <c r="E41" s="34">
        <v>26</v>
      </c>
      <c r="F41" s="25" t="s">
        <v>406</v>
      </c>
    </row>
    <row r="42" spans="1:6" ht="15" customHeight="1" x14ac:dyDescent="0.25">
      <c r="A42" s="25" t="s">
        <v>375</v>
      </c>
      <c r="B42" s="49" t="s">
        <v>69</v>
      </c>
      <c r="C42" s="25">
        <v>352</v>
      </c>
      <c r="D42" s="25" t="s">
        <v>71</v>
      </c>
      <c r="E42" s="34">
        <v>29</v>
      </c>
      <c r="F42" s="25" t="s">
        <v>48</v>
      </c>
    </row>
    <row r="43" spans="1:6" ht="15" customHeight="1" x14ac:dyDescent="0.25">
      <c r="A43" s="25" t="s">
        <v>375</v>
      </c>
      <c r="B43" s="49" t="s">
        <v>69</v>
      </c>
      <c r="C43" s="25">
        <v>353</v>
      </c>
      <c r="D43" s="25" t="s">
        <v>72</v>
      </c>
      <c r="E43" s="34">
        <v>15</v>
      </c>
      <c r="F43" s="25" t="s">
        <v>358</v>
      </c>
    </row>
    <row r="44" spans="1:6" ht="15" customHeight="1" x14ac:dyDescent="0.25">
      <c r="A44" s="25" t="s">
        <v>375</v>
      </c>
      <c r="B44" s="49" t="s">
        <v>69</v>
      </c>
      <c r="C44" s="25">
        <v>354</v>
      </c>
      <c r="D44" s="25" t="s">
        <v>105</v>
      </c>
      <c r="E44" s="34">
        <v>29</v>
      </c>
      <c r="F44" s="25" t="s">
        <v>48</v>
      </c>
    </row>
    <row r="45" spans="1:6" x14ac:dyDescent="0.25">
      <c r="A45" s="25" t="s">
        <v>359</v>
      </c>
      <c r="B45" s="50" t="s">
        <v>69</v>
      </c>
      <c r="C45" s="24">
        <v>355</v>
      </c>
      <c r="D45" s="35" t="s">
        <v>293</v>
      </c>
      <c r="E45" s="25">
        <v>15</v>
      </c>
      <c r="F45" s="25" t="s">
        <v>358</v>
      </c>
    </row>
    <row r="46" spans="1:6" ht="15" customHeight="1" x14ac:dyDescent="0.25">
      <c r="A46" s="25" t="s">
        <v>375</v>
      </c>
      <c r="B46" s="49" t="s">
        <v>73</v>
      </c>
      <c r="C46" s="25">
        <v>361</v>
      </c>
      <c r="D46" s="25" t="s">
        <v>106</v>
      </c>
      <c r="E46" s="34">
        <v>5</v>
      </c>
      <c r="F46" s="25" t="s">
        <v>113</v>
      </c>
    </row>
    <row r="47" spans="1:6" ht="15" customHeight="1" x14ac:dyDescent="0.25">
      <c r="A47" s="25" t="s">
        <v>375</v>
      </c>
      <c r="B47" s="49" t="s">
        <v>73</v>
      </c>
      <c r="C47" s="25">
        <v>362</v>
      </c>
      <c r="D47" s="25" t="s">
        <v>107</v>
      </c>
      <c r="E47" s="34">
        <v>29</v>
      </c>
      <c r="F47" s="25" t="s">
        <v>48</v>
      </c>
    </row>
    <row r="48" spans="1:6" ht="15" customHeight="1" x14ac:dyDescent="0.25">
      <c r="A48" s="25" t="s">
        <v>375</v>
      </c>
      <c r="B48" s="49" t="s">
        <v>73</v>
      </c>
      <c r="C48" s="25">
        <v>363</v>
      </c>
      <c r="D48" s="25" t="s">
        <v>108</v>
      </c>
      <c r="E48" s="34">
        <v>29</v>
      </c>
      <c r="F48" s="25" t="s">
        <v>48</v>
      </c>
    </row>
    <row r="49" spans="1:6" ht="15" customHeight="1" x14ac:dyDescent="0.25">
      <c r="A49" s="25" t="s">
        <v>375</v>
      </c>
      <c r="B49" s="49" t="s">
        <v>73</v>
      </c>
      <c r="C49" s="25">
        <v>364</v>
      </c>
      <c r="D49" s="25" t="s">
        <v>109</v>
      </c>
      <c r="E49" s="34">
        <v>18</v>
      </c>
      <c r="F49" s="25" t="s">
        <v>58</v>
      </c>
    </row>
    <row r="50" spans="1:6" ht="15" customHeight="1" x14ac:dyDescent="0.25">
      <c r="A50" s="25" t="s">
        <v>375</v>
      </c>
      <c r="B50" s="49" t="s">
        <v>73</v>
      </c>
      <c r="C50" s="25">
        <v>365</v>
      </c>
      <c r="D50" s="25" t="s">
        <v>110</v>
      </c>
      <c r="E50" s="34">
        <v>29</v>
      </c>
      <c r="F50" s="25" t="s">
        <v>48</v>
      </c>
    </row>
    <row r="51" spans="1:6" ht="15" customHeight="1" x14ac:dyDescent="0.25">
      <c r="A51" s="25" t="s">
        <v>375</v>
      </c>
      <c r="B51" s="49" t="s">
        <v>74</v>
      </c>
      <c r="C51" s="25">
        <v>371</v>
      </c>
      <c r="D51" s="25" t="s">
        <v>75</v>
      </c>
      <c r="E51" s="34">
        <v>4</v>
      </c>
      <c r="F51" s="25" t="s">
        <v>76</v>
      </c>
    </row>
    <row r="52" spans="1:6" x14ac:dyDescent="0.25">
      <c r="A52" s="25" t="s">
        <v>375</v>
      </c>
      <c r="B52" s="49" t="s">
        <v>74</v>
      </c>
      <c r="C52" s="25">
        <v>372</v>
      </c>
      <c r="D52" s="25" t="s">
        <v>111</v>
      </c>
      <c r="E52" s="34">
        <v>29</v>
      </c>
      <c r="F52" s="25" t="s">
        <v>48</v>
      </c>
    </row>
    <row r="53" spans="1:6" x14ac:dyDescent="0.25">
      <c r="A53" s="25" t="s">
        <v>375</v>
      </c>
      <c r="B53" s="49" t="s">
        <v>74</v>
      </c>
      <c r="C53" s="25">
        <v>373</v>
      </c>
      <c r="D53" s="25" t="s">
        <v>77</v>
      </c>
      <c r="E53" s="34">
        <v>29</v>
      </c>
      <c r="F53" s="25" t="s">
        <v>48</v>
      </c>
    </row>
    <row r="54" spans="1:6" x14ac:dyDescent="0.25">
      <c r="A54" s="25" t="s">
        <v>359</v>
      </c>
      <c r="B54" s="50" t="s">
        <v>74</v>
      </c>
      <c r="C54" s="24">
        <v>374</v>
      </c>
      <c r="D54" s="35" t="s">
        <v>294</v>
      </c>
      <c r="E54" s="25">
        <v>29</v>
      </c>
      <c r="F54" s="25" t="s">
        <v>48</v>
      </c>
    </row>
    <row r="55" spans="1:6" x14ac:dyDescent="0.25">
      <c r="A55" s="25" t="s">
        <v>359</v>
      </c>
      <c r="B55" s="50" t="s">
        <v>74</v>
      </c>
      <c r="C55" s="24">
        <v>381</v>
      </c>
      <c r="D55" s="35" t="s">
        <v>287</v>
      </c>
      <c r="E55" s="25">
        <v>29</v>
      </c>
      <c r="F55" s="25" t="s">
        <v>48</v>
      </c>
    </row>
    <row r="56" spans="1:6" x14ac:dyDescent="0.25">
      <c r="A56" s="25" t="s">
        <v>359</v>
      </c>
      <c r="B56" s="50" t="s">
        <v>295</v>
      </c>
      <c r="C56" s="24">
        <v>400</v>
      </c>
      <c r="D56" s="35" t="s">
        <v>296</v>
      </c>
      <c r="E56" s="25">
        <v>18</v>
      </c>
      <c r="F56" s="25" t="s">
        <v>58</v>
      </c>
    </row>
    <row r="57" spans="1:6" x14ac:dyDescent="0.25">
      <c r="A57" s="25" t="s">
        <v>359</v>
      </c>
      <c r="B57" s="50" t="s">
        <v>295</v>
      </c>
      <c r="C57" s="24">
        <v>401</v>
      </c>
      <c r="D57" s="35" t="s">
        <v>297</v>
      </c>
      <c r="E57" s="25">
        <v>18</v>
      </c>
      <c r="F57" s="25" t="s">
        <v>58</v>
      </c>
    </row>
    <row r="58" spans="1:6" x14ac:dyDescent="0.25">
      <c r="A58" s="25" t="s">
        <v>359</v>
      </c>
      <c r="B58" s="50" t="s">
        <v>295</v>
      </c>
      <c r="C58" s="24">
        <v>402</v>
      </c>
      <c r="D58" s="35" t="s">
        <v>298</v>
      </c>
      <c r="E58" s="25">
        <v>18</v>
      </c>
      <c r="F58" s="25" t="s">
        <v>58</v>
      </c>
    </row>
    <row r="59" spans="1:6" x14ac:dyDescent="0.25">
      <c r="A59" s="25" t="s">
        <v>359</v>
      </c>
      <c r="B59" s="50" t="s">
        <v>295</v>
      </c>
      <c r="C59" s="24">
        <v>403</v>
      </c>
      <c r="D59" s="35" t="s">
        <v>299</v>
      </c>
      <c r="E59" s="25">
        <v>18</v>
      </c>
      <c r="F59" s="25" t="s">
        <v>58</v>
      </c>
    </row>
    <row r="60" spans="1:6" x14ac:dyDescent="0.25">
      <c r="A60" s="25" t="s">
        <v>359</v>
      </c>
      <c r="B60" s="50" t="s">
        <v>295</v>
      </c>
      <c r="C60" s="24">
        <v>404</v>
      </c>
      <c r="D60" s="35" t="s">
        <v>300</v>
      </c>
      <c r="E60" s="25">
        <v>18</v>
      </c>
      <c r="F60" s="25" t="s">
        <v>58</v>
      </c>
    </row>
    <row r="61" spans="1:6" x14ac:dyDescent="0.25">
      <c r="A61" s="25" t="s">
        <v>359</v>
      </c>
      <c r="B61" s="50" t="s">
        <v>295</v>
      </c>
      <c r="C61" s="24">
        <v>405</v>
      </c>
      <c r="D61" s="35" t="s">
        <v>301</v>
      </c>
      <c r="E61" s="25">
        <v>18</v>
      </c>
      <c r="F61" s="25" t="s">
        <v>58</v>
      </c>
    </row>
    <row r="62" spans="1:6" x14ac:dyDescent="0.25">
      <c r="A62" s="25" t="s">
        <v>359</v>
      </c>
      <c r="B62" s="50" t="s">
        <v>295</v>
      </c>
      <c r="C62" s="24">
        <v>406</v>
      </c>
      <c r="D62" s="35" t="s">
        <v>302</v>
      </c>
      <c r="E62" s="25">
        <v>18</v>
      </c>
      <c r="F62" s="25" t="s">
        <v>58</v>
      </c>
    </row>
    <row r="63" spans="1:6" x14ac:dyDescent="0.25">
      <c r="A63" s="25" t="s">
        <v>359</v>
      </c>
      <c r="B63" s="50" t="s">
        <v>295</v>
      </c>
      <c r="C63" s="24">
        <v>407</v>
      </c>
      <c r="D63" s="35" t="s">
        <v>303</v>
      </c>
      <c r="E63" s="25">
        <v>18</v>
      </c>
      <c r="F63" s="25" t="s">
        <v>58</v>
      </c>
    </row>
    <row r="64" spans="1:6" x14ac:dyDescent="0.25">
      <c r="A64" s="25" t="s">
        <v>359</v>
      </c>
      <c r="B64" s="50" t="s">
        <v>295</v>
      </c>
      <c r="C64" s="24">
        <v>408</v>
      </c>
      <c r="D64" s="35" t="s">
        <v>304</v>
      </c>
      <c r="E64" s="25">
        <v>18</v>
      </c>
      <c r="F64" s="25" t="s">
        <v>58</v>
      </c>
    </row>
    <row r="65" spans="1:6" x14ac:dyDescent="0.25">
      <c r="A65" s="25" t="s">
        <v>359</v>
      </c>
      <c r="B65" s="50" t="s">
        <v>295</v>
      </c>
      <c r="C65" s="24">
        <v>409</v>
      </c>
      <c r="D65" s="35" t="s">
        <v>305</v>
      </c>
      <c r="E65" s="25">
        <v>18</v>
      </c>
      <c r="F65" s="25" t="s">
        <v>58</v>
      </c>
    </row>
    <row r="66" spans="1:6" x14ac:dyDescent="0.25">
      <c r="A66" s="25" t="s">
        <v>359</v>
      </c>
      <c r="B66" s="50" t="s">
        <v>295</v>
      </c>
      <c r="C66" s="24">
        <v>414</v>
      </c>
      <c r="D66" s="35" t="s">
        <v>306</v>
      </c>
      <c r="E66" s="25">
        <v>18</v>
      </c>
      <c r="F66" s="25" t="s">
        <v>58</v>
      </c>
    </row>
    <row r="67" spans="1:6" x14ac:dyDescent="0.25">
      <c r="A67" s="25" t="s">
        <v>359</v>
      </c>
      <c r="B67" s="50" t="s">
        <v>295</v>
      </c>
      <c r="C67" s="24">
        <v>415</v>
      </c>
      <c r="D67" s="35" t="s">
        <v>307</v>
      </c>
      <c r="E67" s="25">
        <v>18</v>
      </c>
      <c r="F67" s="25" t="s">
        <v>58</v>
      </c>
    </row>
    <row r="68" spans="1:6" x14ac:dyDescent="0.25">
      <c r="A68" s="25" t="s">
        <v>359</v>
      </c>
      <c r="B68" s="50" t="s">
        <v>295</v>
      </c>
      <c r="C68" s="24">
        <v>416</v>
      </c>
      <c r="D68" s="35" t="s">
        <v>308</v>
      </c>
      <c r="E68" s="25">
        <v>18</v>
      </c>
      <c r="F68" s="25" t="s">
        <v>58</v>
      </c>
    </row>
    <row r="69" spans="1:6" x14ac:dyDescent="0.25">
      <c r="A69" s="25" t="s">
        <v>359</v>
      </c>
      <c r="B69" s="50" t="s">
        <v>295</v>
      </c>
      <c r="C69" s="24">
        <v>417</v>
      </c>
      <c r="D69" s="35" t="s">
        <v>309</v>
      </c>
      <c r="E69" s="25">
        <v>18</v>
      </c>
      <c r="F69" s="25" t="s">
        <v>58</v>
      </c>
    </row>
    <row r="70" spans="1:6" x14ac:dyDescent="0.25">
      <c r="A70" s="25" t="s">
        <v>359</v>
      </c>
      <c r="B70" s="50" t="s">
        <v>295</v>
      </c>
      <c r="C70" s="24">
        <v>418</v>
      </c>
      <c r="D70" s="35" t="s">
        <v>310</v>
      </c>
      <c r="E70" s="25">
        <v>18</v>
      </c>
      <c r="F70" s="25" t="s">
        <v>58</v>
      </c>
    </row>
    <row r="71" spans="1:6" x14ac:dyDescent="0.25">
      <c r="A71" s="25" t="s">
        <v>359</v>
      </c>
      <c r="B71" s="50" t="s">
        <v>295</v>
      </c>
      <c r="C71" s="24">
        <v>419</v>
      </c>
      <c r="D71" s="35" t="s">
        <v>311</v>
      </c>
      <c r="E71" s="25">
        <v>18</v>
      </c>
      <c r="F71" s="25" t="s">
        <v>58</v>
      </c>
    </row>
    <row r="72" spans="1:6" x14ac:dyDescent="0.25">
      <c r="A72" s="25" t="s">
        <v>359</v>
      </c>
      <c r="B72" s="50" t="s">
        <v>295</v>
      </c>
      <c r="C72" s="24">
        <v>420</v>
      </c>
      <c r="D72" s="35" t="s">
        <v>312</v>
      </c>
      <c r="E72" s="25">
        <v>18</v>
      </c>
      <c r="F72" s="25" t="s">
        <v>58</v>
      </c>
    </row>
    <row r="73" spans="1:6" x14ac:dyDescent="0.25">
      <c r="A73" s="25" t="s">
        <v>359</v>
      </c>
      <c r="B73" s="50" t="s">
        <v>295</v>
      </c>
      <c r="C73" s="24">
        <v>421</v>
      </c>
      <c r="D73" s="35" t="s">
        <v>313</v>
      </c>
      <c r="E73" s="25">
        <v>18</v>
      </c>
      <c r="F73" s="25" t="s">
        <v>58</v>
      </c>
    </row>
    <row r="74" spans="1:6" x14ac:dyDescent="0.25">
      <c r="A74" s="25" t="s">
        <v>359</v>
      </c>
      <c r="B74" s="50" t="s">
        <v>295</v>
      </c>
      <c r="C74" s="24">
        <v>422</v>
      </c>
      <c r="D74" s="35" t="s">
        <v>314</v>
      </c>
      <c r="E74" s="25">
        <v>18</v>
      </c>
      <c r="F74" s="25" t="s">
        <v>58</v>
      </c>
    </row>
    <row r="75" spans="1:6" x14ac:dyDescent="0.25">
      <c r="A75" s="25" t="s">
        <v>359</v>
      </c>
      <c r="B75" s="50" t="s">
        <v>295</v>
      </c>
      <c r="C75" s="24">
        <v>423</v>
      </c>
      <c r="D75" s="35" t="s">
        <v>315</v>
      </c>
      <c r="E75" s="25">
        <v>18</v>
      </c>
      <c r="F75" s="25" t="s">
        <v>58</v>
      </c>
    </row>
    <row r="76" spans="1:6" x14ac:dyDescent="0.25">
      <c r="A76" s="25" t="s">
        <v>359</v>
      </c>
      <c r="B76" s="50" t="s">
        <v>295</v>
      </c>
      <c r="C76" s="24">
        <v>424</v>
      </c>
      <c r="D76" s="35" t="s">
        <v>316</v>
      </c>
      <c r="E76" s="25">
        <v>18</v>
      </c>
      <c r="F76" s="25" t="s">
        <v>58</v>
      </c>
    </row>
    <row r="77" spans="1:6" x14ac:dyDescent="0.25">
      <c r="A77" s="25" t="s">
        <v>359</v>
      </c>
      <c r="B77" s="50" t="s">
        <v>295</v>
      </c>
      <c r="C77" s="24">
        <v>425</v>
      </c>
      <c r="D77" s="35" t="s">
        <v>317</v>
      </c>
      <c r="E77" s="25">
        <v>18</v>
      </c>
      <c r="F77" s="25" t="s">
        <v>58</v>
      </c>
    </row>
    <row r="78" spans="1:6" x14ac:dyDescent="0.25">
      <c r="A78" s="25" t="s">
        <v>359</v>
      </c>
      <c r="B78" s="50" t="s">
        <v>295</v>
      </c>
      <c r="C78" s="24">
        <v>429</v>
      </c>
      <c r="D78" s="35" t="s">
        <v>318</v>
      </c>
      <c r="E78" s="25">
        <v>13</v>
      </c>
      <c r="F78" s="25" t="s">
        <v>59</v>
      </c>
    </row>
    <row r="79" spans="1:6" x14ac:dyDescent="0.25">
      <c r="A79" s="25" t="s">
        <v>359</v>
      </c>
      <c r="B79" s="50" t="s">
        <v>295</v>
      </c>
      <c r="C79" s="24">
        <v>430</v>
      </c>
      <c r="D79" s="35" t="s">
        <v>319</v>
      </c>
      <c r="E79" s="25">
        <v>13</v>
      </c>
      <c r="F79" s="25" t="s">
        <v>59</v>
      </c>
    </row>
    <row r="80" spans="1:6" x14ac:dyDescent="0.25">
      <c r="A80" s="25" t="s">
        <v>359</v>
      </c>
      <c r="B80" s="50" t="s">
        <v>295</v>
      </c>
      <c r="C80" s="24">
        <v>431</v>
      </c>
      <c r="D80" s="35" t="s">
        <v>320</v>
      </c>
      <c r="E80" s="25">
        <v>13</v>
      </c>
      <c r="F80" s="25" t="s">
        <v>59</v>
      </c>
    </row>
    <row r="81" spans="1:6" x14ac:dyDescent="0.25">
      <c r="A81" s="25" t="s">
        <v>359</v>
      </c>
      <c r="B81" s="50" t="s">
        <v>295</v>
      </c>
      <c r="C81" s="24">
        <v>432</v>
      </c>
      <c r="D81" s="35" t="s">
        <v>321</v>
      </c>
      <c r="E81" s="25">
        <v>13</v>
      </c>
      <c r="F81" s="25" t="s">
        <v>59</v>
      </c>
    </row>
    <row r="82" spans="1:6" x14ac:dyDescent="0.25">
      <c r="A82" s="25" t="s">
        <v>359</v>
      </c>
      <c r="B82" s="50" t="s">
        <v>295</v>
      </c>
      <c r="C82" s="24">
        <v>433</v>
      </c>
      <c r="D82" s="35" t="s">
        <v>322</v>
      </c>
      <c r="E82" s="25">
        <v>13</v>
      </c>
      <c r="F82" s="25" t="s">
        <v>59</v>
      </c>
    </row>
    <row r="83" spans="1:6" x14ac:dyDescent="0.25">
      <c r="A83" s="25" t="s">
        <v>359</v>
      </c>
      <c r="B83" s="50" t="s">
        <v>295</v>
      </c>
      <c r="C83" s="24">
        <v>434</v>
      </c>
      <c r="D83" s="35" t="s">
        <v>323</v>
      </c>
      <c r="E83" s="25">
        <v>13</v>
      </c>
      <c r="F83" s="25" t="s">
        <v>59</v>
      </c>
    </row>
    <row r="84" spans="1:6" x14ac:dyDescent="0.25">
      <c r="A84" s="25" t="s">
        <v>359</v>
      </c>
      <c r="B84" s="50" t="s">
        <v>295</v>
      </c>
      <c r="C84" s="24">
        <v>438</v>
      </c>
      <c r="D84" s="35" t="s">
        <v>324</v>
      </c>
      <c r="E84" s="25">
        <v>13</v>
      </c>
      <c r="F84" s="25" t="s">
        <v>59</v>
      </c>
    </row>
    <row r="85" spans="1:6" x14ac:dyDescent="0.25">
      <c r="A85" s="25" t="s">
        <v>359</v>
      </c>
      <c r="B85" s="50" t="s">
        <v>295</v>
      </c>
      <c r="C85" s="24">
        <v>439</v>
      </c>
      <c r="D85" s="35" t="s">
        <v>325</v>
      </c>
      <c r="E85" s="25">
        <v>13</v>
      </c>
      <c r="F85" s="25" t="s">
        <v>59</v>
      </c>
    </row>
    <row r="86" spans="1:6" x14ac:dyDescent="0.25">
      <c r="A86" s="25" t="s">
        <v>359</v>
      </c>
      <c r="B86" s="50" t="s">
        <v>295</v>
      </c>
      <c r="C86" s="24">
        <v>440</v>
      </c>
      <c r="D86" s="35" t="s">
        <v>326</v>
      </c>
      <c r="E86" s="25">
        <v>13</v>
      </c>
      <c r="F86" s="25" t="s">
        <v>59</v>
      </c>
    </row>
    <row r="87" spans="1:6" x14ac:dyDescent="0.25">
      <c r="A87" s="25" t="s">
        <v>359</v>
      </c>
      <c r="B87" s="50" t="s">
        <v>295</v>
      </c>
      <c r="C87" s="24">
        <v>441</v>
      </c>
      <c r="D87" s="35" t="s">
        <v>327</v>
      </c>
      <c r="E87" s="25">
        <v>13</v>
      </c>
      <c r="F87" s="25" t="s">
        <v>59</v>
      </c>
    </row>
    <row r="88" spans="1:6" x14ac:dyDescent="0.25">
      <c r="A88" s="25" t="s">
        <v>359</v>
      </c>
      <c r="B88" s="50" t="s">
        <v>295</v>
      </c>
      <c r="C88" s="24">
        <v>442</v>
      </c>
      <c r="D88" s="35" t="s">
        <v>328</v>
      </c>
      <c r="E88" s="25">
        <v>13</v>
      </c>
      <c r="F88" s="25" t="s">
        <v>59</v>
      </c>
    </row>
    <row r="89" spans="1:6" x14ac:dyDescent="0.25">
      <c r="A89" s="25" t="s">
        <v>359</v>
      </c>
      <c r="B89" s="50" t="s">
        <v>295</v>
      </c>
      <c r="C89" s="24">
        <v>443</v>
      </c>
      <c r="D89" s="35" t="s">
        <v>329</v>
      </c>
      <c r="E89" s="25">
        <v>13</v>
      </c>
      <c r="F89" s="25" t="s">
        <v>59</v>
      </c>
    </row>
    <row r="90" spans="1:6" x14ac:dyDescent="0.25">
      <c r="A90" s="25" t="s">
        <v>359</v>
      </c>
      <c r="B90" s="50" t="s">
        <v>295</v>
      </c>
      <c r="C90" s="24">
        <v>444</v>
      </c>
      <c r="D90" s="35" t="s">
        <v>330</v>
      </c>
      <c r="E90" s="25">
        <v>13</v>
      </c>
      <c r="F90" s="25" t="s">
        <v>59</v>
      </c>
    </row>
    <row r="91" spans="1:6" x14ac:dyDescent="0.25">
      <c r="A91" s="25" t="s">
        <v>359</v>
      </c>
      <c r="B91" s="50" t="s">
        <v>295</v>
      </c>
      <c r="C91" s="24">
        <v>445</v>
      </c>
      <c r="D91" s="35" t="s">
        <v>331</v>
      </c>
      <c r="E91" s="25">
        <v>13</v>
      </c>
      <c r="F91" s="25" t="s">
        <v>59</v>
      </c>
    </row>
    <row r="92" spans="1:6" x14ac:dyDescent="0.25">
      <c r="A92" s="25" t="s">
        <v>359</v>
      </c>
      <c r="B92" s="50" t="s">
        <v>295</v>
      </c>
      <c r="C92" s="24">
        <v>446</v>
      </c>
      <c r="D92" s="35" t="s">
        <v>332</v>
      </c>
      <c r="E92" s="25">
        <v>13</v>
      </c>
      <c r="F92" s="25" t="s">
        <v>59</v>
      </c>
    </row>
    <row r="93" spans="1:6" x14ac:dyDescent="0.25">
      <c r="A93" s="25" t="s">
        <v>359</v>
      </c>
      <c r="B93" s="50" t="s">
        <v>295</v>
      </c>
      <c r="C93" s="24">
        <v>449</v>
      </c>
      <c r="D93" s="35" t="s">
        <v>333</v>
      </c>
      <c r="E93" s="25">
        <v>18</v>
      </c>
      <c r="F93" s="25" t="s">
        <v>58</v>
      </c>
    </row>
    <row r="94" spans="1:6" x14ac:dyDescent="0.25">
      <c r="A94" s="25" t="s">
        <v>359</v>
      </c>
      <c r="B94" s="50" t="s">
        <v>295</v>
      </c>
      <c r="C94" s="24">
        <v>450</v>
      </c>
      <c r="D94" s="35" t="s">
        <v>334</v>
      </c>
      <c r="E94" s="25">
        <v>18</v>
      </c>
      <c r="F94" s="25" t="s">
        <v>58</v>
      </c>
    </row>
    <row r="95" spans="1:6" x14ac:dyDescent="0.25">
      <c r="A95" s="25" t="s">
        <v>359</v>
      </c>
      <c r="B95" s="50" t="s">
        <v>295</v>
      </c>
      <c r="C95" s="24">
        <v>451</v>
      </c>
      <c r="D95" s="35" t="s">
        <v>335</v>
      </c>
      <c r="E95" s="25">
        <v>18</v>
      </c>
      <c r="F95" s="25" t="s">
        <v>58</v>
      </c>
    </row>
    <row r="96" spans="1:6" x14ac:dyDescent="0.25">
      <c r="A96" s="25" t="s">
        <v>359</v>
      </c>
      <c r="B96" s="50" t="s">
        <v>295</v>
      </c>
      <c r="C96" s="24">
        <v>452</v>
      </c>
      <c r="D96" s="35" t="s">
        <v>336</v>
      </c>
      <c r="E96" s="25">
        <v>18</v>
      </c>
      <c r="F96" s="25" t="s">
        <v>58</v>
      </c>
    </row>
    <row r="97" spans="1:6" x14ac:dyDescent="0.25">
      <c r="A97" s="25" t="s">
        <v>359</v>
      </c>
      <c r="B97" s="50" t="s">
        <v>295</v>
      </c>
      <c r="C97" s="24">
        <v>455</v>
      </c>
      <c r="D97" s="35" t="s">
        <v>337</v>
      </c>
      <c r="E97" s="25">
        <v>13</v>
      </c>
      <c r="F97" s="25" t="s">
        <v>59</v>
      </c>
    </row>
    <row r="98" spans="1:6" x14ac:dyDescent="0.25">
      <c r="A98" s="25" t="s">
        <v>359</v>
      </c>
      <c r="B98" s="50" t="s">
        <v>295</v>
      </c>
      <c r="C98" s="24">
        <v>456</v>
      </c>
      <c r="D98" s="35" t="s">
        <v>338</v>
      </c>
      <c r="E98" s="25">
        <v>13</v>
      </c>
      <c r="F98" s="25" t="s">
        <v>59</v>
      </c>
    </row>
    <row r="99" spans="1:6" x14ac:dyDescent="0.25">
      <c r="A99" s="25" t="s">
        <v>359</v>
      </c>
      <c r="B99" s="50" t="s">
        <v>295</v>
      </c>
      <c r="C99" s="24">
        <v>457</v>
      </c>
      <c r="D99" s="35" t="s">
        <v>339</v>
      </c>
      <c r="E99" s="25">
        <v>13</v>
      </c>
      <c r="F99" s="25" t="s">
        <v>59</v>
      </c>
    </row>
    <row r="100" spans="1:6" x14ac:dyDescent="0.25">
      <c r="A100" s="25" t="s">
        <v>359</v>
      </c>
      <c r="B100" s="50" t="s">
        <v>295</v>
      </c>
      <c r="C100" s="24">
        <v>458</v>
      </c>
      <c r="D100" s="35" t="s">
        <v>340</v>
      </c>
      <c r="E100" s="25">
        <v>13</v>
      </c>
      <c r="F100" s="25" t="s">
        <v>59</v>
      </c>
    </row>
    <row r="101" spans="1:6" x14ac:dyDescent="0.25">
      <c r="A101" s="25" t="s">
        <v>359</v>
      </c>
      <c r="B101" s="50" t="s">
        <v>295</v>
      </c>
      <c r="C101" s="24">
        <v>459</v>
      </c>
      <c r="D101" s="35" t="s">
        <v>341</v>
      </c>
      <c r="E101" s="25">
        <v>13</v>
      </c>
      <c r="F101" s="25" t="s">
        <v>59</v>
      </c>
    </row>
    <row r="102" spans="1:6" x14ac:dyDescent="0.25">
      <c r="A102" s="25" t="s">
        <v>359</v>
      </c>
      <c r="B102" s="50" t="s">
        <v>295</v>
      </c>
      <c r="C102" s="24">
        <v>460</v>
      </c>
      <c r="D102" s="35" t="s">
        <v>342</v>
      </c>
      <c r="E102" s="25">
        <v>13</v>
      </c>
      <c r="F102" s="25" t="s">
        <v>59</v>
      </c>
    </row>
    <row r="103" spans="1:6" x14ac:dyDescent="0.25">
      <c r="A103" s="25" t="s">
        <v>359</v>
      </c>
      <c r="B103" s="50" t="s">
        <v>295</v>
      </c>
      <c r="C103" s="24">
        <v>463</v>
      </c>
      <c r="D103" s="35" t="s">
        <v>343</v>
      </c>
      <c r="E103" s="25">
        <v>29</v>
      </c>
      <c r="F103" s="25" t="s">
        <v>48</v>
      </c>
    </row>
    <row r="104" spans="1:6" x14ac:dyDescent="0.25">
      <c r="A104" s="25" t="s">
        <v>359</v>
      </c>
      <c r="B104" s="50" t="s">
        <v>295</v>
      </c>
      <c r="C104" s="24">
        <v>464</v>
      </c>
      <c r="D104" s="35" t="s">
        <v>344</v>
      </c>
      <c r="E104" s="25">
        <v>29</v>
      </c>
      <c r="F104" s="25" t="s">
        <v>48</v>
      </c>
    </row>
    <row r="105" spans="1:6" x14ac:dyDescent="0.25">
      <c r="A105" s="25" t="s">
        <v>359</v>
      </c>
      <c r="B105" s="50" t="s">
        <v>295</v>
      </c>
      <c r="C105" s="24">
        <v>465</v>
      </c>
      <c r="D105" s="35" t="s">
        <v>345</v>
      </c>
      <c r="E105" s="25">
        <v>29</v>
      </c>
      <c r="F105" s="25" t="s">
        <v>48</v>
      </c>
    </row>
    <row r="106" spans="1:6" x14ac:dyDescent="0.25">
      <c r="A106" s="25" t="s">
        <v>359</v>
      </c>
      <c r="B106" s="50" t="s">
        <v>295</v>
      </c>
      <c r="C106" s="24">
        <v>470</v>
      </c>
      <c r="D106" s="35" t="s">
        <v>346</v>
      </c>
      <c r="E106" s="25">
        <v>18</v>
      </c>
      <c r="F106" s="25" t="s">
        <v>58</v>
      </c>
    </row>
    <row r="107" spans="1:6" x14ac:dyDescent="0.25">
      <c r="A107" s="25" t="s">
        <v>359</v>
      </c>
      <c r="B107" s="50" t="s">
        <v>295</v>
      </c>
      <c r="C107" s="24">
        <v>471</v>
      </c>
      <c r="D107" s="35" t="s">
        <v>347</v>
      </c>
      <c r="E107" s="25">
        <v>18</v>
      </c>
      <c r="F107" s="25" t="s">
        <v>58</v>
      </c>
    </row>
    <row r="108" spans="1:6" x14ac:dyDescent="0.25">
      <c r="A108" s="25" t="s">
        <v>359</v>
      </c>
      <c r="B108" s="50" t="s">
        <v>295</v>
      </c>
      <c r="C108" s="24">
        <v>472</v>
      </c>
      <c r="D108" s="35" t="s">
        <v>348</v>
      </c>
      <c r="E108" s="25">
        <v>18</v>
      </c>
      <c r="F108" s="25" t="s">
        <v>58</v>
      </c>
    </row>
    <row r="109" spans="1:6" x14ac:dyDescent="0.25">
      <c r="A109" s="25" t="s">
        <v>359</v>
      </c>
      <c r="B109" s="50" t="s">
        <v>295</v>
      </c>
      <c r="C109" s="24">
        <v>473</v>
      </c>
      <c r="D109" s="35" t="s">
        <v>349</v>
      </c>
      <c r="E109" s="25">
        <v>18</v>
      </c>
      <c r="F109" s="25" t="s">
        <v>58</v>
      </c>
    </row>
    <row r="110" spans="1:6" x14ac:dyDescent="0.25">
      <c r="A110" s="25" t="s">
        <v>359</v>
      </c>
      <c r="B110" s="50" t="s">
        <v>295</v>
      </c>
      <c r="C110" s="24">
        <v>474</v>
      </c>
      <c r="D110" s="35" t="s">
        <v>350</v>
      </c>
      <c r="E110" s="25">
        <v>18</v>
      </c>
      <c r="F110" s="25" t="s">
        <v>58</v>
      </c>
    </row>
    <row r="111" spans="1:6" x14ac:dyDescent="0.25">
      <c r="A111" s="25" t="s">
        <v>359</v>
      </c>
      <c r="B111" s="50" t="s">
        <v>295</v>
      </c>
      <c r="C111" s="24">
        <v>475</v>
      </c>
      <c r="D111" s="35" t="s">
        <v>351</v>
      </c>
      <c r="E111" s="25">
        <v>18</v>
      </c>
      <c r="F111" s="25" t="s">
        <v>58</v>
      </c>
    </row>
    <row r="112" spans="1:6" x14ac:dyDescent="0.25">
      <c r="A112" s="25" t="s">
        <v>359</v>
      </c>
      <c r="B112" s="50" t="s">
        <v>295</v>
      </c>
      <c r="C112" s="24">
        <v>476</v>
      </c>
      <c r="D112" s="35" t="s">
        <v>352</v>
      </c>
      <c r="E112" s="25">
        <v>5</v>
      </c>
      <c r="F112" s="25" t="s">
        <v>113</v>
      </c>
    </row>
    <row r="113" spans="1:6" x14ac:dyDescent="0.25">
      <c r="A113" s="25" t="s">
        <v>359</v>
      </c>
      <c r="B113" s="50" t="s">
        <v>295</v>
      </c>
      <c r="C113" s="24">
        <v>477</v>
      </c>
      <c r="D113" s="35" t="s">
        <v>353</v>
      </c>
      <c r="E113" s="25">
        <v>5</v>
      </c>
      <c r="F113" s="25" t="s">
        <v>113</v>
      </c>
    </row>
    <row r="114" spans="1:6" x14ac:dyDescent="0.25">
      <c r="A114" s="25" t="s">
        <v>359</v>
      </c>
      <c r="B114" s="50" t="s">
        <v>295</v>
      </c>
      <c r="C114" s="24">
        <v>479</v>
      </c>
      <c r="D114" s="35" t="s">
        <v>354</v>
      </c>
      <c r="E114" s="25">
        <v>5</v>
      </c>
      <c r="F114" s="25" t="s">
        <v>113</v>
      </c>
    </row>
    <row r="115" spans="1:6" x14ac:dyDescent="0.25">
      <c r="A115" s="25" t="s">
        <v>359</v>
      </c>
      <c r="B115" s="50" t="s">
        <v>295</v>
      </c>
      <c r="C115" s="24">
        <v>480</v>
      </c>
      <c r="D115" s="35" t="s">
        <v>355</v>
      </c>
      <c r="E115" s="25">
        <v>29</v>
      </c>
      <c r="F115" s="25" t="s">
        <v>48</v>
      </c>
    </row>
    <row r="116" spans="1:6" x14ac:dyDescent="0.25">
      <c r="A116" s="25" t="s">
        <v>359</v>
      </c>
      <c r="B116" s="50" t="s">
        <v>295</v>
      </c>
      <c r="C116" s="24">
        <v>481</v>
      </c>
      <c r="D116" s="35" t="s">
        <v>356</v>
      </c>
      <c r="E116" s="25">
        <v>29</v>
      </c>
      <c r="F116" s="25" t="s">
        <v>48</v>
      </c>
    </row>
    <row r="117" spans="1:6" x14ac:dyDescent="0.25">
      <c r="A117" s="25" t="s">
        <v>359</v>
      </c>
      <c r="B117" s="50" t="s">
        <v>295</v>
      </c>
      <c r="C117" s="24">
        <v>482</v>
      </c>
      <c r="D117" s="35" t="s">
        <v>357</v>
      </c>
      <c r="E117" s="25">
        <v>18</v>
      </c>
      <c r="F117" s="25" t="s">
        <v>58</v>
      </c>
    </row>
  </sheetData>
  <autoFilter ref="A2:F117"/>
  <mergeCells count="1">
    <mergeCell ref="A1:F1"/>
  </mergeCells>
  <hyperlinks>
    <hyperlink ref="B3" r:id="rId1" location="Exposure_Data/Unknown_Occupancy.htm"/>
    <hyperlink ref="B4" r:id="rId2" location="Exposure_Data/Residential_Occupancies.htm"/>
    <hyperlink ref="B5" r:id="rId3" location="Exposure_Data/Residential_Occupancies.htm"/>
    <hyperlink ref="B6" r:id="rId4" location="Exposure_Data/Residential_Occupancies.htm"/>
    <hyperlink ref="B7" r:id="rId5" location="Exposure_Data/Residential_Occupancies.htm"/>
    <hyperlink ref="B8" r:id="rId6" location="Exposure_Data/Residential_Occupancies.htm"/>
    <hyperlink ref="B9" r:id="rId7" location="Exposure_Data/Residential_Occupancies.htm"/>
    <hyperlink ref="B10" r:id="rId8" location="Exposure_Data/Residential_Occupancies.htm"/>
    <hyperlink ref="B11" r:id="rId9" location="Exposure_Data/Commercial_Occupancies.htm"/>
    <hyperlink ref="B12" r:id="rId10" location="Exposure_Data/Commercial_Occupancies.htm"/>
    <hyperlink ref="B13" r:id="rId11" location="Exposure_Data/Commercial_Occupancies.htm"/>
    <hyperlink ref="B14" r:id="rId12" location="Exposure_Data/Commercial_Occupancies.htm"/>
    <hyperlink ref="B15" r:id="rId13" location="Exposure_Data/Commercial_Occupancies.htm"/>
    <hyperlink ref="B16" r:id="rId14" location="Exposure_Data/Commercial_Occupancies.htm"/>
    <hyperlink ref="B17" r:id="rId15" location="Exposure_Data/Commercial_Occupancies.htm"/>
    <hyperlink ref="B18" r:id="rId16" location="Exposure_Data/Commercial_Occupancies.htm"/>
    <hyperlink ref="B19" r:id="rId17" location="Exposure_Data/Commercial_Occupancies.htm"/>
    <hyperlink ref="B20" r:id="rId18" location="Exposure_Data/Commercial_Occupancies.htm"/>
    <hyperlink ref="B21" r:id="rId19" location="Exposure_Data/Industrial_Occupancies.htm"/>
    <hyperlink ref="B22" r:id="rId20" location="Exposure_Data/Industrial_Occupancies.htm"/>
    <hyperlink ref="B23" r:id="rId21" location="Exposure_Data/Industrial_Occupancies.htm"/>
    <hyperlink ref="B24" r:id="rId22" location="Exposure_Data/Industrial_Occupancies.htm"/>
    <hyperlink ref="B25" r:id="rId23" location="Exposure_Data/Industrial_Occupancies.htm"/>
    <hyperlink ref="B26" r:id="rId24" location="Exposure_Data/Industrial_Occupancies.htm"/>
    <hyperlink ref="B27" r:id="rId25" location="Exposure_Data/Industrial_Occupancies.htm"/>
    <hyperlink ref="B28" r:id="rId26" location="Exposure_Data/Industrial_Occupancies.htm"/>
    <hyperlink ref="B29" r:id="rId27" location="Exposure_Data/Industrial_Occupancies.htm"/>
    <hyperlink ref="B30" r:id="rId28" location="Exposure_Data/Industrial_Occupancies.htm"/>
    <hyperlink ref="B31" r:id="rId29" location="Exposure_Data/Industrial_Occupancies.htm"/>
    <hyperlink ref="B32" r:id="rId30" location="Exposure_Data/Restaurant_Occupancy.htm"/>
    <hyperlink ref="B33" r:id="rId31" location="Exposure_Data/Mercantile_Occupancies.htm"/>
    <hyperlink ref="B34" r:id="rId32" location="Exposure_Data/Mercantile_Occupancies.htm"/>
    <hyperlink ref="B35" r:id="rId33" location="Exposure_Data/Public_Occupancies.htm"/>
    <hyperlink ref="B36" r:id="rId34" location="Exposure_Data/Public_Occupancies.htm"/>
    <hyperlink ref="B37" r:id="rId35" location="Exposure_Data/Public_Occupancies.htm"/>
    <hyperlink ref="B38" r:id="rId36" location="Exposure_Data/Public_Occupancies.htm"/>
    <hyperlink ref="B39" r:id="rId37" location="Exposure_Data/Education_Occupancies.htm"/>
    <hyperlink ref="B40" r:id="rId38" location="Exposure_Data/Education_Occupancies.htm"/>
    <hyperlink ref="B41" r:id="rId39" location="Exposure_Data/Transportation_Occupancies.htm"/>
    <hyperlink ref="B42" r:id="rId40" location="Exposure_Data/Transportation_Occupancies.htm"/>
    <hyperlink ref="B43" r:id="rId41" location="Exposure_Data/Transportation_Occupancies.htm"/>
    <hyperlink ref="B44" r:id="rId42" location="Exposure_Data/Transportation_Occupancies.htm"/>
    <hyperlink ref="B45" r:id="rId43" location="Exposure_Data/Transportation_Occupancies.htm"/>
    <hyperlink ref="B46" r:id="rId44" location="Exposure_Data/Utility_Occupancies.htm"/>
    <hyperlink ref="B47" r:id="rId45" location="Exposure_Data/Utility_Occupancies.htm"/>
    <hyperlink ref="B48" r:id="rId46" location="Exposure_Data/Utility_Occupancies.htm"/>
    <hyperlink ref="B49" r:id="rId47" location="Exposure_Data/Utility_Occupancies.htm"/>
    <hyperlink ref="B50" r:id="rId48" location="Exposure_Data/Utility_Occupancies.htm"/>
    <hyperlink ref="B51" r:id="rId49" location="Exposure_Data/Miscellaneous_Occupancies.htm"/>
    <hyperlink ref="B52" r:id="rId50" location="Exposure_Data/Miscellaneous_Occupancies.htm"/>
    <hyperlink ref="B53" r:id="rId51" location="Exposure_Data/Miscellaneous_Occupancies.htm"/>
    <hyperlink ref="B54" r:id="rId52" location="Exposure_Data/Miscellaneous_Occupancies.htm"/>
    <hyperlink ref="B55" r:id="rId53" location="Exposure_Data/Miscellaneous_Occupancies.htm"/>
    <hyperlink ref="B56" r:id="rId54" location="Exposure_Data/Industrial_Facility_Occupancies.htm"/>
    <hyperlink ref="B57" r:id="rId55" location="Exposure_Data/Industrial_Facility_Occupancies.htm"/>
    <hyperlink ref="B58" r:id="rId56" location="Exposure_Data/Industrial_Facility_Occupancies.htm"/>
    <hyperlink ref="B59" r:id="rId57" location="Exposure_Data/Industrial_Facility_Occupancies.htm"/>
    <hyperlink ref="B60" r:id="rId58" location="Exposure_Data/Industrial_Facility_Occupancies.htm"/>
    <hyperlink ref="B61" r:id="rId59" location="Exposure_Data/Industrial_Facility_Occupancies.htm"/>
    <hyperlink ref="B62" r:id="rId60" location="Exposure_Data/Industrial_Facility_Occupancies.htm"/>
    <hyperlink ref="B63" r:id="rId61" location="Exposure_Data/Industrial_Facility_Occupancies.htm"/>
    <hyperlink ref="B64" r:id="rId62" location="Exposure_Data/Industrial_Facility_Occupancies.htm"/>
    <hyperlink ref="B65" r:id="rId63" location="Exposure_Data/Industrial_Facility_Occupancies.htm"/>
    <hyperlink ref="B66" r:id="rId64" location="Exposure_Data/Industrial_Facility_Occupancies.htm"/>
    <hyperlink ref="B67" r:id="rId65" location="Exposure_Data/Industrial_Facility_Occupancies.htm"/>
    <hyperlink ref="B68" r:id="rId66" location="Exposure_Data/Industrial_Facility_Occupancies.htm"/>
    <hyperlink ref="B69" r:id="rId67" location="Exposure_Data/Industrial_Facility_Occupancies.htm"/>
    <hyperlink ref="B70" r:id="rId68" location="Exposure_Data/Industrial_Facility_Occupancies.htm"/>
    <hyperlink ref="B71" r:id="rId69" location="Exposure_Data/Industrial_Facility_Occupancies.htm"/>
    <hyperlink ref="B72" r:id="rId70" location="Exposure_Data/Industrial_Facility_Occupancies.htm"/>
    <hyperlink ref="B73" r:id="rId71" location="Exposure_Data/Industrial_Facility_Occupancies.htm"/>
    <hyperlink ref="B74" r:id="rId72" location="Exposure_Data/Industrial_Facility_Occupancies.htm"/>
    <hyperlink ref="B75" r:id="rId73" location="Exposure_Data/Industrial_Facility_Occupancies.htmhttp://www.air-worldwide.com/Documentation/Validation/3.0/index.htm"/>
    <hyperlink ref="B76" r:id="rId74" location="Exposure_Data/Industrial_Facility_Occupancies.htm"/>
    <hyperlink ref="B77" r:id="rId75" location="Exposure_Data/Industrial_Facility_Occupancies.htm"/>
    <hyperlink ref="B78" r:id="rId76" location="Exposure_Data/Industrial_Facility_Occupancies.htm"/>
    <hyperlink ref="B79" r:id="rId77" location="Exposure_Data/Industrial_Facility_Occupancies.htm"/>
    <hyperlink ref="B80" r:id="rId78" location="Exposure_Data/Industrial_Facility_Occupancies.htm"/>
    <hyperlink ref="B81" r:id="rId79" location="Exposure_Data/Industrial_Facility_Occupancies.htm"/>
    <hyperlink ref="B82" r:id="rId80" location="Exposure_Data/Industrial_Facility_Occupancies.htm"/>
    <hyperlink ref="B83" r:id="rId81" location="Exposure_Data/Industrial_Facility_Occupancies.htm"/>
    <hyperlink ref="B84" r:id="rId82" location="Exposure_Data/Industrial_Facility_Occupancies.htm"/>
    <hyperlink ref="B85" r:id="rId83" location="Exposure_Data/Industrial_Facility_Occupancies.htm"/>
    <hyperlink ref="B86" r:id="rId84" location="Exposure_Data/Industrial_Facility_Occupancies.htm"/>
    <hyperlink ref="B87" r:id="rId85" location="Exposure_Data/Industrial_Facility_Occupancies.htm"/>
    <hyperlink ref="B88" r:id="rId86" location="Exposure_Data/Industrial_Facility_Occupancies.htm"/>
    <hyperlink ref="B89" r:id="rId87" location="Exposure_Data/Industrial_Facility_Occupancies.htm"/>
    <hyperlink ref="B90" r:id="rId88" location="Exposure_Data/Industrial_Facility_Occupancies.htm"/>
    <hyperlink ref="B91" r:id="rId89" location="Exposure_Data/Industrial_Facility_Occupancies.htm"/>
    <hyperlink ref="B92" r:id="rId90" location="Exposure_Data/Industrial_Facility_Occupancies.htm"/>
    <hyperlink ref="B93" r:id="rId91" location="Exposure_Data/Industrial_Facility_Occupancies.htm"/>
    <hyperlink ref="B94" r:id="rId92" location="Exposure_Data/Industrial_Facility_Occupancies.htm"/>
    <hyperlink ref="B95" r:id="rId93" location="Exposure_Data/Industrial_Facility_Occupancies.htm"/>
    <hyperlink ref="B96" r:id="rId94" location="Exposure_Data/Industrial_Facility_Occupancies.htm"/>
    <hyperlink ref="B97" r:id="rId95" location="Exposure_Data/Industrial_Facility_Occupancies.htm"/>
    <hyperlink ref="B98" r:id="rId96" location="Exposure_Data/Industrial_Facility_Occupancies.htm"/>
    <hyperlink ref="B99" r:id="rId97" location="Exposure_Data/Industrial_Facility_Occupancies.htm"/>
    <hyperlink ref="B100" r:id="rId98" location="Exposure_Data/Industrial_Facility_Occupancies.htm"/>
    <hyperlink ref="B101" r:id="rId99" location="Exposure_Data/Industrial_Facility_Occupancies.htm"/>
    <hyperlink ref="B102" r:id="rId100" location="Exposure_Data/Industrial_Facility_Occupancies.htm"/>
    <hyperlink ref="B103" r:id="rId101" location="Exposure_Data/Industrial_Facility_Occupancies.htm"/>
    <hyperlink ref="B104" r:id="rId102" location="Exposure_Data/Industrial_Facility_Occupancies.htm"/>
    <hyperlink ref="B105" r:id="rId103" location="Exposure_Data/Industrial_Facility_Occupancies.htm"/>
    <hyperlink ref="B106" r:id="rId104" location="Exposure_Data/Industrial_Facility_Occupancies.htm"/>
    <hyperlink ref="B107" r:id="rId105" location="Exposure_Data/Industrial_Facility_Occupancies.htm"/>
    <hyperlink ref="B108" r:id="rId106" location="Exposure_Data/Industrial_Facility_Occupancies.htm"/>
    <hyperlink ref="B109" r:id="rId107" location="Exposure_Data/Industrial_Facility_Occupancies.htm"/>
    <hyperlink ref="B110" r:id="rId108" location="Exposure_Data/Industrial_Facility_Occupancies.htm"/>
    <hyperlink ref="B111" r:id="rId109" location="Exposure_Data/Industrial_Facility_Occupancies.htm"/>
    <hyperlink ref="B112" r:id="rId110" location="Exposure_Data/Industrial_Facility_Occupancies.htm"/>
    <hyperlink ref="B113" r:id="rId111" location="Exposure_Data/Industrial_Facility_Occupancies.htm"/>
    <hyperlink ref="B114" r:id="rId112" location="Exposure_Data/Industrial_Facility_Occupancies.htm"/>
    <hyperlink ref="B115" r:id="rId113" location="Exposure_Data/Industrial_Facility_Occupancies.htm"/>
    <hyperlink ref="B116" r:id="rId114" location="Exposure_Data/Industrial_Facility_Occupancies.htm"/>
    <hyperlink ref="B117" r:id="rId115" location="Exposure_Data/Industrial_Facility_Occupancies.htm"/>
  </hyperlinks>
  <pageMargins left="0.7" right="0.7" top="0.75" bottom="0.75" header="0.3" footer="0.3"/>
  <pageSetup orientation="portrait" horizontalDpi="4294967295" verticalDpi="4294967295" r:id="rId116"/>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236"/>
  <sheetViews>
    <sheetView zoomScale="90" zoomScaleNormal="90" workbookViewId="0">
      <pane ySplit="2" topLeftCell="A3" activePane="bottomLeft" state="frozen"/>
      <selection pane="bottomLeft" sqref="A1:H1"/>
    </sheetView>
  </sheetViews>
  <sheetFormatPr defaultColWidth="9.140625" defaultRowHeight="15" x14ac:dyDescent="0.25"/>
  <cols>
    <col min="1" max="1" width="14" bestFit="1" customWidth="1"/>
    <col min="2" max="2" width="14" style="20" bestFit="1" customWidth="1"/>
    <col min="3" max="3" width="14" bestFit="1" customWidth="1"/>
    <col min="4" max="4" width="24.140625" bestFit="1" customWidth="1"/>
    <col min="5" max="5" width="61.42578125" bestFit="1" customWidth="1"/>
    <col min="6" max="6" width="23.28515625" bestFit="1" customWidth="1"/>
    <col min="7" max="7" width="26.85546875" bestFit="1" customWidth="1"/>
    <col min="8" max="8" width="65.7109375" bestFit="1" customWidth="1"/>
  </cols>
  <sheetData>
    <row r="1" spans="1:8" ht="39.950000000000003" customHeight="1" x14ac:dyDescent="0.25">
      <c r="A1" s="115" t="s">
        <v>386</v>
      </c>
      <c r="B1" s="115"/>
      <c r="C1" s="115"/>
      <c r="D1" s="115"/>
      <c r="E1" s="115"/>
      <c r="F1" s="115"/>
      <c r="G1" s="115"/>
      <c r="H1" s="115"/>
    </row>
    <row r="2" spans="1:8" ht="30" x14ac:dyDescent="0.25">
      <c r="A2" s="31" t="s">
        <v>361</v>
      </c>
      <c r="B2" s="31" t="s">
        <v>362</v>
      </c>
      <c r="C2" s="31" t="s">
        <v>363</v>
      </c>
      <c r="D2" s="2" t="s">
        <v>377</v>
      </c>
      <c r="E2" s="2" t="s">
        <v>23</v>
      </c>
      <c r="F2" s="2" t="s">
        <v>376</v>
      </c>
      <c r="G2" s="2" t="s">
        <v>378</v>
      </c>
      <c r="H2" s="2" t="s">
        <v>22</v>
      </c>
    </row>
    <row r="3" spans="1:8" x14ac:dyDescent="0.25">
      <c r="A3" s="3" t="s">
        <v>359</v>
      </c>
      <c r="B3" s="3" t="s">
        <v>216</v>
      </c>
      <c r="C3" s="3" t="s">
        <v>217</v>
      </c>
      <c r="D3" s="8" t="s">
        <v>232</v>
      </c>
      <c r="E3" s="6" t="s">
        <v>6</v>
      </c>
      <c r="F3" s="1">
        <v>112</v>
      </c>
      <c r="G3" s="26" t="s">
        <v>4</v>
      </c>
      <c r="H3" s="43" t="s">
        <v>6</v>
      </c>
    </row>
    <row r="4" spans="1:8" x14ac:dyDescent="0.25">
      <c r="A4" s="3" t="s">
        <v>359</v>
      </c>
      <c r="B4" s="3" t="s">
        <v>216</v>
      </c>
      <c r="C4" s="3" t="s">
        <v>217</v>
      </c>
      <c r="D4" s="8" t="s">
        <v>238</v>
      </c>
      <c r="E4" s="6" t="s">
        <v>44</v>
      </c>
      <c r="F4" s="1">
        <v>152</v>
      </c>
      <c r="G4" s="26" t="s">
        <v>14</v>
      </c>
      <c r="H4" s="43" t="s">
        <v>33</v>
      </c>
    </row>
    <row r="5" spans="1:8" x14ac:dyDescent="0.25">
      <c r="A5" s="3" t="s">
        <v>359</v>
      </c>
      <c r="B5" s="3" t="s">
        <v>216</v>
      </c>
      <c r="C5" s="3" t="s">
        <v>217</v>
      </c>
      <c r="D5" s="7" t="s">
        <v>231</v>
      </c>
      <c r="E5" s="6" t="s">
        <v>37</v>
      </c>
      <c r="F5" s="1">
        <v>101</v>
      </c>
      <c r="G5" s="26" t="s">
        <v>1</v>
      </c>
      <c r="H5" s="43" t="s">
        <v>118</v>
      </c>
    </row>
    <row r="6" spans="1:8" s="64" customFormat="1" x14ac:dyDescent="0.25">
      <c r="A6" s="58" t="s">
        <v>359</v>
      </c>
      <c r="B6" s="58" t="s">
        <v>216</v>
      </c>
      <c r="C6" s="58" t="s">
        <v>217</v>
      </c>
      <c r="D6" s="67" t="s">
        <v>233</v>
      </c>
      <c r="E6" s="25" t="s">
        <v>401</v>
      </c>
      <c r="F6" s="65">
        <v>113</v>
      </c>
      <c r="G6" s="66" t="s">
        <v>4</v>
      </c>
      <c r="H6" s="35" t="s">
        <v>24</v>
      </c>
    </row>
    <row r="7" spans="1:8" x14ac:dyDescent="0.25">
      <c r="A7" s="102" t="s">
        <v>359</v>
      </c>
      <c r="B7" s="102" t="s">
        <v>216</v>
      </c>
      <c r="C7" s="102" t="s">
        <v>217</v>
      </c>
      <c r="D7" s="99" t="s">
        <v>234</v>
      </c>
      <c r="E7" s="113" t="s">
        <v>40</v>
      </c>
      <c r="F7" s="1">
        <v>131</v>
      </c>
      <c r="G7" s="26" t="s">
        <v>10</v>
      </c>
      <c r="H7" s="35" t="s">
        <v>27</v>
      </c>
    </row>
    <row r="8" spans="1:8" s="64" customFormat="1" x14ac:dyDescent="0.25">
      <c r="A8" s="103"/>
      <c r="B8" s="103"/>
      <c r="C8" s="103"/>
      <c r="D8" s="100"/>
      <c r="E8" s="121"/>
      <c r="F8" s="65">
        <v>135</v>
      </c>
      <c r="G8" s="66" t="s">
        <v>10</v>
      </c>
      <c r="H8" s="35" t="s">
        <v>364</v>
      </c>
    </row>
    <row r="9" spans="1:8" x14ac:dyDescent="0.25">
      <c r="A9" s="103"/>
      <c r="B9" s="103"/>
      <c r="C9" s="103"/>
      <c r="D9" s="100"/>
      <c r="E9" s="121"/>
      <c r="F9" s="1">
        <v>139</v>
      </c>
      <c r="G9" s="26" t="s">
        <v>10</v>
      </c>
      <c r="H9" s="35" t="s">
        <v>31</v>
      </c>
    </row>
    <row r="10" spans="1:8" x14ac:dyDescent="0.25">
      <c r="A10" s="104"/>
      <c r="B10" s="104"/>
      <c r="C10" s="104"/>
      <c r="D10" s="101"/>
      <c r="E10" s="114"/>
      <c r="F10" s="1">
        <v>140</v>
      </c>
      <c r="G10" s="26" t="s">
        <v>10</v>
      </c>
      <c r="H10" s="35" t="s">
        <v>32</v>
      </c>
    </row>
    <row r="11" spans="1:8" x14ac:dyDescent="0.25">
      <c r="A11" s="112" t="s">
        <v>359</v>
      </c>
      <c r="B11" s="112" t="s">
        <v>216</v>
      </c>
      <c r="C11" s="112" t="s">
        <v>217</v>
      </c>
      <c r="D11" s="108" t="s">
        <v>235</v>
      </c>
      <c r="E11" s="109" t="s">
        <v>365</v>
      </c>
      <c r="F11" s="1">
        <v>132</v>
      </c>
      <c r="G11" s="26" t="s">
        <v>10</v>
      </c>
      <c r="H11" s="35" t="s">
        <v>28</v>
      </c>
    </row>
    <row r="12" spans="1:8" x14ac:dyDescent="0.25">
      <c r="A12" s="112"/>
      <c r="B12" s="112"/>
      <c r="C12" s="112"/>
      <c r="D12" s="108"/>
      <c r="E12" s="109"/>
      <c r="F12" s="1">
        <v>133</v>
      </c>
      <c r="G12" s="26" t="s">
        <v>10</v>
      </c>
      <c r="H12" s="35" t="s">
        <v>29</v>
      </c>
    </row>
    <row r="13" spans="1:8" s="64" customFormat="1" x14ac:dyDescent="0.25">
      <c r="A13" s="62" t="s">
        <v>359</v>
      </c>
      <c r="B13" s="62" t="s">
        <v>216</v>
      </c>
      <c r="C13" s="62" t="s">
        <v>217</v>
      </c>
      <c r="D13" s="68" t="s">
        <v>390</v>
      </c>
      <c r="E13" s="41" t="s">
        <v>396</v>
      </c>
      <c r="F13" s="65">
        <v>134</v>
      </c>
      <c r="G13" s="66" t="s">
        <v>10</v>
      </c>
      <c r="H13" s="35" t="s">
        <v>119</v>
      </c>
    </row>
    <row r="14" spans="1:8" x14ac:dyDescent="0.25">
      <c r="A14" s="102" t="s">
        <v>359</v>
      </c>
      <c r="B14" s="102" t="s">
        <v>216</v>
      </c>
      <c r="C14" s="102" t="s">
        <v>217</v>
      </c>
      <c r="D14" s="108" t="s">
        <v>237</v>
      </c>
      <c r="E14" s="108" t="s">
        <v>43</v>
      </c>
      <c r="F14" s="1">
        <v>151</v>
      </c>
      <c r="G14" s="26" t="s">
        <v>14</v>
      </c>
      <c r="H14" s="35" t="s">
        <v>14</v>
      </c>
    </row>
    <row r="15" spans="1:8" x14ac:dyDescent="0.25">
      <c r="A15" s="103"/>
      <c r="B15" s="103"/>
      <c r="C15" s="103"/>
      <c r="D15" s="108"/>
      <c r="E15" s="108"/>
      <c r="F15" s="1">
        <v>154</v>
      </c>
      <c r="G15" s="26" t="s">
        <v>14</v>
      </c>
      <c r="H15" s="35" t="s">
        <v>122</v>
      </c>
    </row>
    <row r="16" spans="1:8" x14ac:dyDescent="0.25">
      <c r="A16" s="103"/>
      <c r="B16" s="103"/>
      <c r="C16" s="103"/>
      <c r="D16" s="108"/>
      <c r="E16" s="108"/>
      <c r="F16" s="1">
        <v>155</v>
      </c>
      <c r="G16" s="26" t="s">
        <v>14</v>
      </c>
      <c r="H16" s="35" t="s">
        <v>123</v>
      </c>
    </row>
    <row r="17" spans="1:8" x14ac:dyDescent="0.25">
      <c r="A17" s="103"/>
      <c r="B17" s="103"/>
      <c r="C17" s="103"/>
      <c r="D17" s="108"/>
      <c r="E17" s="108"/>
      <c r="F17" s="1">
        <v>156</v>
      </c>
      <c r="G17" s="26" t="s">
        <v>14</v>
      </c>
      <c r="H17" s="35" t="s">
        <v>17</v>
      </c>
    </row>
    <row r="18" spans="1:8" x14ac:dyDescent="0.25">
      <c r="A18" s="104"/>
      <c r="B18" s="104"/>
      <c r="C18" s="104"/>
      <c r="D18" s="108"/>
      <c r="E18" s="108"/>
      <c r="F18" s="1">
        <v>157</v>
      </c>
      <c r="G18" s="26" t="s">
        <v>14</v>
      </c>
      <c r="H18" s="35" t="s">
        <v>35</v>
      </c>
    </row>
    <row r="19" spans="1:8" x14ac:dyDescent="0.25">
      <c r="A19" s="3" t="s">
        <v>359</v>
      </c>
      <c r="B19" s="3" t="s">
        <v>216</v>
      </c>
      <c r="C19" s="3" t="s">
        <v>217</v>
      </c>
      <c r="D19" s="7" t="s">
        <v>239</v>
      </c>
      <c r="E19" s="6" t="s">
        <v>45</v>
      </c>
      <c r="F19" s="1">
        <v>153</v>
      </c>
      <c r="G19" s="26" t="s">
        <v>14</v>
      </c>
      <c r="H19" s="35" t="s">
        <v>34</v>
      </c>
    </row>
    <row r="20" spans="1:8" x14ac:dyDescent="0.25">
      <c r="A20" s="102" t="s">
        <v>359</v>
      </c>
      <c r="B20" s="102" t="s">
        <v>216</v>
      </c>
      <c r="C20" s="102" t="s">
        <v>217</v>
      </c>
      <c r="D20" s="108" t="s">
        <v>240</v>
      </c>
      <c r="E20" s="108" t="s">
        <v>46</v>
      </c>
      <c r="F20" s="1">
        <v>158</v>
      </c>
      <c r="G20" s="26" t="s">
        <v>14</v>
      </c>
      <c r="H20" s="35" t="s">
        <v>36</v>
      </c>
    </row>
    <row r="21" spans="1:8" x14ac:dyDescent="0.25">
      <c r="A21" s="104"/>
      <c r="B21" s="104"/>
      <c r="C21" s="104"/>
      <c r="D21" s="108"/>
      <c r="E21" s="108"/>
      <c r="F21" s="1">
        <v>159</v>
      </c>
      <c r="G21" s="26" t="s">
        <v>14</v>
      </c>
      <c r="H21" s="35" t="s">
        <v>124</v>
      </c>
    </row>
    <row r="22" spans="1:8" x14ac:dyDescent="0.25">
      <c r="A22" s="102" t="s">
        <v>359</v>
      </c>
      <c r="B22" s="102" t="s">
        <v>216</v>
      </c>
      <c r="C22" s="102" t="s">
        <v>217</v>
      </c>
      <c r="D22" s="118" t="s">
        <v>230</v>
      </c>
      <c r="E22" s="99" t="s">
        <v>38</v>
      </c>
      <c r="F22" s="1">
        <v>100</v>
      </c>
      <c r="G22" s="26" t="s">
        <v>0</v>
      </c>
      <c r="H22" s="35" t="s">
        <v>0</v>
      </c>
    </row>
    <row r="23" spans="1:8" x14ac:dyDescent="0.25">
      <c r="A23" s="103"/>
      <c r="B23" s="103"/>
      <c r="C23" s="103"/>
      <c r="D23" s="119"/>
      <c r="E23" s="100"/>
      <c r="F23" s="1">
        <v>111</v>
      </c>
      <c r="G23" s="26" t="s">
        <v>4</v>
      </c>
      <c r="H23" s="35" t="s">
        <v>4</v>
      </c>
    </row>
    <row r="24" spans="1:8" x14ac:dyDescent="0.25">
      <c r="A24" s="103"/>
      <c r="B24" s="103"/>
      <c r="C24" s="103"/>
      <c r="D24" s="119"/>
      <c r="E24" s="100"/>
      <c r="F24" s="1">
        <v>116</v>
      </c>
      <c r="G24" s="26" t="s">
        <v>4</v>
      </c>
      <c r="H24" s="35" t="s">
        <v>26</v>
      </c>
    </row>
    <row r="25" spans="1:8" x14ac:dyDescent="0.25">
      <c r="A25" s="104"/>
      <c r="B25" s="104"/>
      <c r="C25" s="104"/>
      <c r="D25" s="120"/>
      <c r="E25" s="101"/>
      <c r="F25" s="1">
        <v>120</v>
      </c>
      <c r="G25" s="26" t="s">
        <v>4</v>
      </c>
      <c r="H25" s="35" t="s">
        <v>9</v>
      </c>
    </row>
    <row r="26" spans="1:8" s="64" customFormat="1" x14ac:dyDescent="0.25">
      <c r="A26" s="58" t="s">
        <v>359</v>
      </c>
      <c r="B26" s="58" t="s">
        <v>216</v>
      </c>
      <c r="C26" s="58" t="s">
        <v>217</v>
      </c>
      <c r="D26" s="68" t="s">
        <v>389</v>
      </c>
      <c r="E26" s="25" t="s">
        <v>395</v>
      </c>
      <c r="F26" s="65">
        <v>114</v>
      </c>
      <c r="G26" s="66" t="s">
        <v>4</v>
      </c>
      <c r="H26" s="35" t="s">
        <v>25</v>
      </c>
    </row>
    <row r="27" spans="1:8" x14ac:dyDescent="0.25">
      <c r="A27" s="102" t="s">
        <v>359</v>
      </c>
      <c r="B27" s="102" t="s">
        <v>216</v>
      </c>
      <c r="C27" s="102" t="s">
        <v>217</v>
      </c>
      <c r="D27" s="118" t="s">
        <v>241</v>
      </c>
      <c r="E27" s="99" t="s">
        <v>47</v>
      </c>
      <c r="F27" s="1">
        <v>204</v>
      </c>
      <c r="G27" s="26" t="s">
        <v>125</v>
      </c>
      <c r="H27" s="7" t="s">
        <v>126</v>
      </c>
    </row>
    <row r="28" spans="1:8" x14ac:dyDescent="0.25">
      <c r="A28" s="103"/>
      <c r="B28" s="103"/>
      <c r="C28" s="103"/>
      <c r="D28" s="119"/>
      <c r="E28" s="100"/>
      <c r="F28" s="1">
        <v>205</v>
      </c>
      <c r="G28" s="26" t="s">
        <v>125</v>
      </c>
      <c r="H28" s="7" t="s">
        <v>127</v>
      </c>
    </row>
    <row r="29" spans="1:8" x14ac:dyDescent="0.25">
      <c r="A29" s="103"/>
      <c r="B29" s="103"/>
      <c r="C29" s="103"/>
      <c r="D29" s="119"/>
      <c r="E29" s="100"/>
      <c r="F29" s="1">
        <v>206</v>
      </c>
      <c r="G29" s="26" t="s">
        <v>125</v>
      </c>
      <c r="H29" s="7" t="s">
        <v>128</v>
      </c>
    </row>
    <row r="30" spans="1:8" x14ac:dyDescent="0.25">
      <c r="A30" s="103"/>
      <c r="B30" s="103"/>
      <c r="C30" s="103"/>
      <c r="D30" s="119"/>
      <c r="E30" s="100"/>
      <c r="F30" s="1">
        <v>211</v>
      </c>
      <c r="G30" s="26" t="s">
        <v>129</v>
      </c>
      <c r="H30" s="7" t="s">
        <v>130</v>
      </c>
    </row>
    <row r="31" spans="1:8" x14ac:dyDescent="0.25">
      <c r="A31" s="103"/>
      <c r="B31" s="103"/>
      <c r="C31" s="103"/>
      <c r="D31" s="119"/>
      <c r="E31" s="100"/>
      <c r="F31" s="1">
        <v>212</v>
      </c>
      <c r="G31" s="26" t="s">
        <v>129</v>
      </c>
      <c r="H31" s="7" t="s">
        <v>131</v>
      </c>
    </row>
    <row r="32" spans="1:8" x14ac:dyDescent="0.25">
      <c r="A32" s="103"/>
      <c r="B32" s="103"/>
      <c r="C32" s="103"/>
      <c r="D32" s="119"/>
      <c r="E32" s="100"/>
      <c r="F32" s="1">
        <v>231</v>
      </c>
      <c r="G32" s="26" t="s">
        <v>132</v>
      </c>
      <c r="H32" s="7" t="s">
        <v>133</v>
      </c>
    </row>
    <row r="33" spans="1:8" x14ac:dyDescent="0.25">
      <c r="A33" s="103"/>
      <c r="B33" s="103"/>
      <c r="C33" s="103"/>
      <c r="D33" s="119"/>
      <c r="E33" s="100"/>
      <c r="F33" s="1">
        <v>232</v>
      </c>
      <c r="G33" s="26" t="s">
        <v>132</v>
      </c>
      <c r="H33" s="7" t="s">
        <v>134</v>
      </c>
    </row>
    <row r="34" spans="1:8" x14ac:dyDescent="0.25">
      <c r="A34" s="103"/>
      <c r="B34" s="103"/>
      <c r="C34" s="103"/>
      <c r="D34" s="119"/>
      <c r="E34" s="100"/>
      <c r="F34" s="1">
        <v>233</v>
      </c>
      <c r="G34" s="26" t="s">
        <v>132</v>
      </c>
      <c r="H34" s="7" t="s">
        <v>135</v>
      </c>
    </row>
    <row r="35" spans="1:8" x14ac:dyDescent="0.25">
      <c r="A35" s="103"/>
      <c r="B35" s="103"/>
      <c r="C35" s="103"/>
      <c r="D35" s="119"/>
      <c r="E35" s="100"/>
      <c r="F35" s="1">
        <v>234</v>
      </c>
      <c r="G35" s="26" t="s">
        <v>136</v>
      </c>
      <c r="H35" s="7" t="s">
        <v>137</v>
      </c>
    </row>
    <row r="36" spans="1:8" x14ac:dyDescent="0.25">
      <c r="A36" s="103"/>
      <c r="B36" s="103"/>
      <c r="C36" s="103"/>
      <c r="D36" s="119"/>
      <c r="E36" s="100"/>
      <c r="F36" s="1">
        <v>235</v>
      </c>
      <c r="G36" s="26" t="s">
        <v>136</v>
      </c>
      <c r="H36" s="7" t="s">
        <v>138</v>
      </c>
    </row>
    <row r="37" spans="1:8" x14ac:dyDescent="0.25">
      <c r="A37" s="103"/>
      <c r="B37" s="103"/>
      <c r="C37" s="103"/>
      <c r="D37" s="119"/>
      <c r="E37" s="100"/>
      <c r="F37" s="1">
        <v>236</v>
      </c>
      <c r="G37" s="26" t="s">
        <v>136</v>
      </c>
      <c r="H37" s="7" t="s">
        <v>139</v>
      </c>
    </row>
    <row r="38" spans="1:8" x14ac:dyDescent="0.25">
      <c r="A38" s="103"/>
      <c r="B38" s="103"/>
      <c r="C38" s="103"/>
      <c r="D38" s="119"/>
      <c r="E38" s="100"/>
      <c r="F38" s="1">
        <v>237</v>
      </c>
      <c r="G38" s="26" t="s">
        <v>136</v>
      </c>
      <c r="H38" s="7" t="s">
        <v>140</v>
      </c>
    </row>
    <row r="39" spans="1:8" x14ac:dyDescent="0.25">
      <c r="A39" s="103"/>
      <c r="B39" s="103"/>
      <c r="C39" s="103"/>
      <c r="D39" s="119"/>
      <c r="E39" s="100"/>
      <c r="F39" s="1">
        <v>238</v>
      </c>
      <c r="G39" s="26" t="s">
        <v>136</v>
      </c>
      <c r="H39" s="7" t="s">
        <v>141</v>
      </c>
    </row>
    <row r="40" spans="1:8" x14ac:dyDescent="0.25">
      <c r="A40" s="103"/>
      <c r="B40" s="103"/>
      <c r="C40" s="103"/>
      <c r="D40" s="119"/>
      <c r="E40" s="100"/>
      <c r="F40" s="1">
        <v>241</v>
      </c>
      <c r="G40" s="26" t="s">
        <v>142</v>
      </c>
      <c r="H40" s="7" t="s">
        <v>143</v>
      </c>
    </row>
    <row r="41" spans="1:8" x14ac:dyDescent="0.25">
      <c r="A41" s="103"/>
      <c r="B41" s="103"/>
      <c r="C41" s="103"/>
      <c r="D41" s="119"/>
      <c r="E41" s="100"/>
      <c r="F41" s="1">
        <v>242</v>
      </c>
      <c r="G41" s="26" t="s">
        <v>142</v>
      </c>
      <c r="H41" s="7" t="s">
        <v>144</v>
      </c>
    </row>
    <row r="42" spans="1:8" x14ac:dyDescent="0.25">
      <c r="A42" s="103"/>
      <c r="B42" s="103"/>
      <c r="C42" s="103"/>
      <c r="D42" s="119"/>
      <c r="E42" s="100"/>
      <c r="F42" s="1">
        <v>243</v>
      </c>
      <c r="G42" s="26" t="s">
        <v>142</v>
      </c>
      <c r="H42" s="7" t="s">
        <v>145</v>
      </c>
    </row>
    <row r="43" spans="1:8" x14ac:dyDescent="0.25">
      <c r="A43" s="103"/>
      <c r="B43" s="103"/>
      <c r="C43" s="103"/>
      <c r="D43" s="119"/>
      <c r="E43" s="100"/>
      <c r="F43" s="1">
        <v>244</v>
      </c>
      <c r="G43" s="26" t="s">
        <v>142</v>
      </c>
      <c r="H43" s="7" t="s">
        <v>146</v>
      </c>
    </row>
    <row r="44" spans="1:8" x14ac:dyDescent="0.25">
      <c r="A44" s="103"/>
      <c r="B44" s="103"/>
      <c r="C44" s="103"/>
      <c r="D44" s="119"/>
      <c r="E44" s="100"/>
      <c r="F44" s="1">
        <v>245</v>
      </c>
      <c r="G44" s="26" t="s">
        <v>142</v>
      </c>
      <c r="H44" s="7" t="s">
        <v>147</v>
      </c>
    </row>
    <row r="45" spans="1:8" x14ac:dyDescent="0.25">
      <c r="A45" s="103"/>
      <c r="B45" s="103"/>
      <c r="C45" s="103"/>
      <c r="D45" s="119"/>
      <c r="E45" s="100"/>
      <c r="F45" s="1">
        <v>246</v>
      </c>
      <c r="G45" s="26" t="s">
        <v>142</v>
      </c>
      <c r="H45" s="7" t="s">
        <v>148</v>
      </c>
    </row>
    <row r="46" spans="1:8" x14ac:dyDescent="0.25">
      <c r="A46" s="103"/>
      <c r="B46" s="103"/>
      <c r="C46" s="103"/>
      <c r="D46" s="119"/>
      <c r="E46" s="100"/>
      <c r="F46" s="1">
        <v>251</v>
      </c>
      <c r="G46" s="26" t="s">
        <v>74</v>
      </c>
      <c r="H46" s="7" t="s">
        <v>149</v>
      </c>
    </row>
    <row r="47" spans="1:8" x14ac:dyDescent="0.25">
      <c r="A47" s="103"/>
      <c r="B47" s="103"/>
      <c r="C47" s="103"/>
      <c r="D47" s="119"/>
      <c r="E47" s="100"/>
      <c r="F47" s="1">
        <v>252</v>
      </c>
      <c r="G47" s="26" t="s">
        <v>74</v>
      </c>
      <c r="H47" s="7" t="s">
        <v>150</v>
      </c>
    </row>
    <row r="48" spans="1:8" x14ac:dyDescent="0.25">
      <c r="A48" s="103"/>
      <c r="B48" s="103"/>
      <c r="C48" s="103"/>
      <c r="D48" s="119"/>
      <c r="E48" s="100"/>
      <c r="F48" s="1">
        <v>253</v>
      </c>
      <c r="G48" s="26" t="s">
        <v>74</v>
      </c>
      <c r="H48" s="7" t="s">
        <v>151</v>
      </c>
    </row>
    <row r="49" spans="1:8" x14ac:dyDescent="0.25">
      <c r="A49" s="103"/>
      <c r="B49" s="103"/>
      <c r="C49" s="103"/>
      <c r="D49" s="119"/>
      <c r="E49" s="100"/>
      <c r="F49" s="1">
        <v>254</v>
      </c>
      <c r="G49" s="26" t="s">
        <v>74</v>
      </c>
      <c r="H49" s="7" t="s">
        <v>152</v>
      </c>
    </row>
    <row r="50" spans="1:8" x14ac:dyDescent="0.25">
      <c r="A50" s="103"/>
      <c r="B50" s="103"/>
      <c r="C50" s="103"/>
      <c r="D50" s="119"/>
      <c r="E50" s="100"/>
      <c r="F50" s="1">
        <v>255</v>
      </c>
      <c r="G50" s="26" t="s">
        <v>74</v>
      </c>
      <c r="H50" s="7" t="s">
        <v>153</v>
      </c>
    </row>
    <row r="51" spans="1:8" x14ac:dyDescent="0.25">
      <c r="A51" s="103"/>
      <c r="B51" s="103"/>
      <c r="C51" s="103"/>
      <c r="D51" s="119"/>
      <c r="E51" s="100"/>
      <c r="F51" s="1">
        <v>256</v>
      </c>
      <c r="G51" s="26" t="s">
        <v>74</v>
      </c>
      <c r="H51" s="7" t="s">
        <v>154</v>
      </c>
    </row>
    <row r="52" spans="1:8" x14ac:dyDescent="0.25">
      <c r="A52" s="103"/>
      <c r="B52" s="103"/>
      <c r="C52" s="103"/>
      <c r="D52" s="119"/>
      <c r="E52" s="100"/>
      <c r="F52" s="1">
        <v>257</v>
      </c>
      <c r="G52" s="26" t="s">
        <v>74</v>
      </c>
      <c r="H52" s="7" t="s">
        <v>155</v>
      </c>
    </row>
    <row r="53" spans="1:8" x14ac:dyDescent="0.25">
      <c r="A53" s="103"/>
      <c r="B53" s="103"/>
      <c r="C53" s="103"/>
      <c r="D53" s="119"/>
      <c r="E53" s="100"/>
      <c r="F53" s="1">
        <v>258</v>
      </c>
      <c r="G53" s="26" t="s">
        <v>74</v>
      </c>
      <c r="H53" s="7" t="s">
        <v>156</v>
      </c>
    </row>
    <row r="54" spans="1:8" x14ac:dyDescent="0.25">
      <c r="A54" s="103"/>
      <c r="B54" s="103"/>
      <c r="C54" s="103"/>
      <c r="D54" s="119"/>
      <c r="E54" s="100"/>
      <c r="F54" s="1">
        <v>260</v>
      </c>
      <c r="G54" s="26" t="s">
        <v>74</v>
      </c>
      <c r="H54" s="7" t="s">
        <v>157</v>
      </c>
    </row>
    <row r="55" spans="1:8" x14ac:dyDescent="0.25">
      <c r="A55" s="103"/>
      <c r="B55" s="103"/>
      <c r="C55" s="103"/>
      <c r="D55" s="119"/>
      <c r="E55" s="100"/>
      <c r="F55" s="1">
        <v>261</v>
      </c>
      <c r="G55" s="26" t="s">
        <v>21</v>
      </c>
      <c r="H55" s="7" t="s">
        <v>21</v>
      </c>
    </row>
    <row r="56" spans="1:8" x14ac:dyDescent="0.25">
      <c r="A56" s="103"/>
      <c r="B56" s="103"/>
      <c r="C56" s="103"/>
      <c r="D56" s="119"/>
      <c r="E56" s="100"/>
      <c r="F56" s="1">
        <v>270</v>
      </c>
      <c r="G56" s="26" t="s">
        <v>158</v>
      </c>
      <c r="H56" s="7" t="s">
        <v>159</v>
      </c>
    </row>
    <row r="57" spans="1:8" x14ac:dyDescent="0.25">
      <c r="A57" s="103"/>
      <c r="B57" s="103"/>
      <c r="C57" s="103"/>
      <c r="D57" s="119"/>
      <c r="E57" s="100"/>
      <c r="F57" s="1">
        <v>271</v>
      </c>
      <c r="G57" s="26" t="s">
        <v>158</v>
      </c>
      <c r="H57" s="7" t="s">
        <v>160</v>
      </c>
    </row>
    <row r="58" spans="1:8" x14ac:dyDescent="0.25">
      <c r="A58" s="103"/>
      <c r="B58" s="103"/>
      <c r="C58" s="103"/>
      <c r="D58" s="119"/>
      <c r="E58" s="100"/>
      <c r="F58" s="1">
        <v>272</v>
      </c>
      <c r="G58" s="26" t="s">
        <v>158</v>
      </c>
      <c r="H58" s="7" t="s">
        <v>161</v>
      </c>
    </row>
    <row r="59" spans="1:8" x14ac:dyDescent="0.25">
      <c r="A59" s="103"/>
      <c r="B59" s="103"/>
      <c r="C59" s="103"/>
      <c r="D59" s="119"/>
      <c r="E59" s="100"/>
      <c r="F59" s="1">
        <v>273</v>
      </c>
      <c r="G59" s="26" t="s">
        <v>158</v>
      </c>
      <c r="H59" s="7" t="s">
        <v>162</v>
      </c>
    </row>
    <row r="60" spans="1:8" x14ac:dyDescent="0.25">
      <c r="A60" s="103"/>
      <c r="B60" s="103"/>
      <c r="C60" s="103"/>
      <c r="D60" s="119"/>
      <c r="E60" s="100"/>
      <c r="F60" s="1">
        <v>274</v>
      </c>
      <c r="G60" s="26" t="s">
        <v>158</v>
      </c>
      <c r="H60" s="7" t="s">
        <v>163</v>
      </c>
    </row>
    <row r="61" spans="1:8" x14ac:dyDescent="0.25">
      <c r="A61" s="103"/>
      <c r="B61" s="103"/>
      <c r="C61" s="103"/>
      <c r="D61" s="119"/>
      <c r="E61" s="100"/>
      <c r="F61" s="1">
        <v>275</v>
      </c>
      <c r="G61" s="26" t="s">
        <v>158</v>
      </c>
      <c r="H61" s="7" t="s">
        <v>164</v>
      </c>
    </row>
    <row r="62" spans="1:8" x14ac:dyDescent="0.25">
      <c r="A62" s="103"/>
      <c r="B62" s="103"/>
      <c r="C62" s="103"/>
      <c r="D62" s="119"/>
      <c r="E62" s="100"/>
      <c r="F62" s="1">
        <v>276</v>
      </c>
      <c r="G62" s="26" t="s">
        <v>158</v>
      </c>
      <c r="H62" s="7" t="s">
        <v>165</v>
      </c>
    </row>
    <row r="63" spans="1:8" x14ac:dyDescent="0.25">
      <c r="A63" s="103"/>
      <c r="B63" s="103"/>
      <c r="C63" s="103"/>
      <c r="D63" s="119"/>
      <c r="E63" s="100"/>
      <c r="F63" s="1">
        <v>2010</v>
      </c>
      <c r="G63" s="26" t="s">
        <v>166</v>
      </c>
      <c r="H63" s="7" t="s">
        <v>167</v>
      </c>
    </row>
    <row r="64" spans="1:8" x14ac:dyDescent="0.25">
      <c r="A64" s="103"/>
      <c r="B64" s="103"/>
      <c r="C64" s="103"/>
      <c r="D64" s="119"/>
      <c r="E64" s="100"/>
      <c r="F64" s="1">
        <v>2011</v>
      </c>
      <c r="G64" s="26" t="s">
        <v>166</v>
      </c>
      <c r="H64" s="7" t="s">
        <v>168</v>
      </c>
    </row>
    <row r="65" spans="1:8" x14ac:dyDescent="0.25">
      <c r="A65" s="103"/>
      <c r="B65" s="103"/>
      <c r="C65" s="103"/>
      <c r="D65" s="119"/>
      <c r="E65" s="100"/>
      <c r="F65" s="1">
        <v>2012</v>
      </c>
      <c r="G65" s="26" t="s">
        <v>166</v>
      </c>
      <c r="H65" s="7" t="s">
        <v>169</v>
      </c>
    </row>
    <row r="66" spans="1:8" x14ac:dyDescent="0.25">
      <c r="A66" s="103"/>
      <c r="B66" s="103"/>
      <c r="C66" s="103"/>
      <c r="D66" s="119"/>
      <c r="E66" s="100"/>
      <c r="F66" s="1">
        <v>2013</v>
      </c>
      <c r="G66" s="26" t="s">
        <v>166</v>
      </c>
      <c r="H66" s="7" t="s">
        <v>170</v>
      </c>
    </row>
    <row r="67" spans="1:8" x14ac:dyDescent="0.25">
      <c r="A67" s="103"/>
      <c r="B67" s="103"/>
      <c r="C67" s="103"/>
      <c r="D67" s="119"/>
      <c r="E67" s="100"/>
      <c r="F67" s="1">
        <v>2015</v>
      </c>
      <c r="G67" s="26" t="s">
        <v>166</v>
      </c>
      <c r="H67" s="7" t="s">
        <v>171</v>
      </c>
    </row>
    <row r="68" spans="1:8" x14ac:dyDescent="0.25">
      <c r="A68" s="103"/>
      <c r="B68" s="103"/>
      <c r="C68" s="103"/>
      <c r="D68" s="119"/>
      <c r="E68" s="100"/>
      <c r="F68" s="1">
        <v>2016</v>
      </c>
      <c r="G68" s="26" t="s">
        <v>166</v>
      </c>
      <c r="H68" s="7" t="s">
        <v>172</v>
      </c>
    </row>
    <row r="69" spans="1:8" x14ac:dyDescent="0.25">
      <c r="A69" s="103"/>
      <c r="B69" s="103"/>
      <c r="C69" s="103"/>
      <c r="D69" s="119"/>
      <c r="E69" s="100"/>
      <c r="F69" s="1">
        <v>2021</v>
      </c>
      <c r="G69" s="26" t="s">
        <v>166</v>
      </c>
      <c r="H69" s="7" t="s">
        <v>173</v>
      </c>
    </row>
    <row r="70" spans="1:8" x14ac:dyDescent="0.25">
      <c r="A70" s="103"/>
      <c r="B70" s="103"/>
      <c r="C70" s="103"/>
      <c r="D70" s="119"/>
      <c r="E70" s="100"/>
      <c r="F70" s="1">
        <v>2022</v>
      </c>
      <c r="G70" s="26" t="s">
        <v>166</v>
      </c>
      <c r="H70" s="7" t="s">
        <v>174</v>
      </c>
    </row>
    <row r="71" spans="1:8" x14ac:dyDescent="0.25">
      <c r="A71" s="103"/>
      <c r="B71" s="103"/>
      <c r="C71" s="103"/>
      <c r="D71" s="119"/>
      <c r="E71" s="100"/>
      <c r="F71" s="1">
        <v>2031</v>
      </c>
      <c r="G71" s="26" t="s">
        <v>166</v>
      </c>
      <c r="H71" s="7" t="s">
        <v>175</v>
      </c>
    </row>
    <row r="72" spans="1:8" x14ac:dyDescent="0.25">
      <c r="A72" s="103"/>
      <c r="B72" s="103"/>
      <c r="C72" s="103"/>
      <c r="D72" s="119"/>
      <c r="E72" s="100"/>
      <c r="F72" s="1">
        <v>2131</v>
      </c>
      <c r="G72" s="26" t="s">
        <v>176</v>
      </c>
      <c r="H72" s="7" t="s">
        <v>177</v>
      </c>
    </row>
    <row r="73" spans="1:8" x14ac:dyDescent="0.25">
      <c r="A73" s="103"/>
      <c r="B73" s="103"/>
      <c r="C73" s="103"/>
      <c r="D73" s="119"/>
      <c r="E73" s="100"/>
      <c r="F73" s="1">
        <v>2132</v>
      </c>
      <c r="G73" s="26" t="s">
        <v>176</v>
      </c>
      <c r="H73" s="7" t="s">
        <v>178</v>
      </c>
    </row>
    <row r="74" spans="1:8" x14ac:dyDescent="0.25">
      <c r="A74" s="103"/>
      <c r="B74" s="103"/>
      <c r="C74" s="103"/>
      <c r="D74" s="119"/>
      <c r="E74" s="100"/>
      <c r="F74" s="1">
        <v>2141</v>
      </c>
      <c r="G74" s="26" t="s">
        <v>176</v>
      </c>
      <c r="H74" s="7" t="s">
        <v>179</v>
      </c>
    </row>
    <row r="75" spans="1:8" x14ac:dyDescent="0.25">
      <c r="A75" s="103"/>
      <c r="B75" s="103"/>
      <c r="C75" s="103"/>
      <c r="D75" s="119"/>
      <c r="E75" s="100"/>
      <c r="F75" s="1">
        <v>2142</v>
      </c>
      <c r="G75" s="26" t="s">
        <v>176</v>
      </c>
      <c r="H75" s="7" t="s">
        <v>180</v>
      </c>
    </row>
    <row r="76" spans="1:8" x14ac:dyDescent="0.25">
      <c r="A76" s="103"/>
      <c r="B76" s="103"/>
      <c r="C76" s="103"/>
      <c r="D76" s="119"/>
      <c r="E76" s="100"/>
      <c r="F76" s="1">
        <v>2150</v>
      </c>
      <c r="G76" s="26" t="s">
        <v>176</v>
      </c>
      <c r="H76" s="7" t="s">
        <v>181</v>
      </c>
    </row>
    <row r="77" spans="1:8" x14ac:dyDescent="0.25">
      <c r="A77" s="103"/>
      <c r="B77" s="103"/>
      <c r="C77" s="103"/>
      <c r="D77" s="119"/>
      <c r="E77" s="100"/>
      <c r="F77" s="1">
        <v>2151</v>
      </c>
      <c r="G77" s="26" t="s">
        <v>176</v>
      </c>
      <c r="H77" s="7" t="s">
        <v>182</v>
      </c>
    </row>
    <row r="78" spans="1:8" x14ac:dyDescent="0.25">
      <c r="A78" s="103"/>
      <c r="B78" s="103"/>
      <c r="C78" s="103"/>
      <c r="D78" s="119"/>
      <c r="E78" s="100"/>
      <c r="F78" s="1">
        <v>2152</v>
      </c>
      <c r="G78" s="26" t="s">
        <v>176</v>
      </c>
      <c r="H78" s="7" t="s">
        <v>183</v>
      </c>
    </row>
    <row r="79" spans="1:8" x14ac:dyDescent="0.25">
      <c r="A79" s="103"/>
      <c r="B79" s="103"/>
      <c r="C79" s="103"/>
      <c r="D79" s="119"/>
      <c r="E79" s="100"/>
      <c r="F79" s="1">
        <v>2210</v>
      </c>
      <c r="G79" s="26" t="s">
        <v>184</v>
      </c>
      <c r="H79" s="7" t="s">
        <v>185</v>
      </c>
    </row>
    <row r="80" spans="1:8" x14ac:dyDescent="0.25">
      <c r="A80" s="103"/>
      <c r="B80" s="103"/>
      <c r="C80" s="103"/>
      <c r="D80" s="119"/>
      <c r="E80" s="100"/>
      <c r="F80" s="1">
        <v>2211</v>
      </c>
      <c r="G80" s="26" t="s">
        <v>184</v>
      </c>
      <c r="H80" s="7" t="s">
        <v>186</v>
      </c>
    </row>
    <row r="81" spans="1:8" x14ac:dyDescent="0.25">
      <c r="A81" s="103"/>
      <c r="B81" s="103"/>
      <c r="C81" s="103"/>
      <c r="D81" s="119"/>
      <c r="E81" s="100"/>
      <c r="F81" s="1">
        <v>2221</v>
      </c>
      <c r="G81" s="26" t="s">
        <v>184</v>
      </c>
      <c r="H81" s="7" t="s">
        <v>187</v>
      </c>
    </row>
    <row r="82" spans="1:8" x14ac:dyDescent="0.25">
      <c r="A82" s="103"/>
      <c r="B82" s="103"/>
      <c r="C82" s="103"/>
      <c r="D82" s="119"/>
      <c r="E82" s="100"/>
      <c r="F82" s="1">
        <v>2231</v>
      </c>
      <c r="G82" s="26" t="s">
        <v>184</v>
      </c>
      <c r="H82" s="7" t="s">
        <v>188</v>
      </c>
    </row>
    <row r="83" spans="1:8" x14ac:dyDescent="0.25">
      <c r="A83" s="103"/>
      <c r="B83" s="103"/>
      <c r="C83" s="103"/>
      <c r="D83" s="119"/>
      <c r="E83" s="100"/>
      <c r="F83" s="1">
        <v>2232</v>
      </c>
      <c r="G83" s="26" t="s">
        <v>184</v>
      </c>
      <c r="H83" s="7" t="s">
        <v>189</v>
      </c>
    </row>
    <row r="84" spans="1:8" x14ac:dyDescent="0.25">
      <c r="A84" s="103"/>
      <c r="B84" s="103"/>
      <c r="C84" s="103"/>
      <c r="D84" s="119"/>
      <c r="E84" s="100"/>
      <c r="F84" s="1">
        <v>2233</v>
      </c>
      <c r="G84" s="26" t="s">
        <v>184</v>
      </c>
      <c r="H84" s="7" t="s">
        <v>190</v>
      </c>
    </row>
    <row r="85" spans="1:8" x14ac:dyDescent="0.25">
      <c r="A85" s="103"/>
      <c r="B85" s="103"/>
      <c r="C85" s="103"/>
      <c r="D85" s="119"/>
      <c r="E85" s="100"/>
      <c r="F85" s="1">
        <v>2241</v>
      </c>
      <c r="G85" s="26" t="s">
        <v>184</v>
      </c>
      <c r="H85" s="7" t="s">
        <v>191</v>
      </c>
    </row>
    <row r="86" spans="1:8" x14ac:dyDescent="0.25">
      <c r="A86" s="103"/>
      <c r="B86" s="103"/>
      <c r="C86" s="103"/>
      <c r="D86" s="119"/>
      <c r="E86" s="100"/>
      <c r="F86" s="1">
        <v>2242</v>
      </c>
      <c r="G86" s="26" t="s">
        <v>184</v>
      </c>
      <c r="H86" s="7" t="s">
        <v>192</v>
      </c>
    </row>
    <row r="87" spans="1:8" x14ac:dyDescent="0.25">
      <c r="A87" s="103"/>
      <c r="B87" s="103"/>
      <c r="C87" s="103"/>
      <c r="D87" s="119"/>
      <c r="E87" s="100"/>
      <c r="F87" s="1">
        <v>2243</v>
      </c>
      <c r="G87" s="26" t="s">
        <v>184</v>
      </c>
      <c r="H87" s="7" t="s">
        <v>193</v>
      </c>
    </row>
    <row r="88" spans="1:8" x14ac:dyDescent="0.25">
      <c r="A88" s="103"/>
      <c r="B88" s="103"/>
      <c r="C88" s="103"/>
      <c r="D88" s="119"/>
      <c r="E88" s="100"/>
      <c r="F88" s="1">
        <v>2251</v>
      </c>
      <c r="G88" s="26" t="s">
        <v>184</v>
      </c>
      <c r="H88" s="7" t="s">
        <v>194</v>
      </c>
    </row>
    <row r="89" spans="1:8" x14ac:dyDescent="0.25">
      <c r="A89" s="103"/>
      <c r="B89" s="103"/>
      <c r="C89" s="103"/>
      <c r="D89" s="119"/>
      <c r="E89" s="100"/>
      <c r="F89" s="1">
        <v>2252</v>
      </c>
      <c r="G89" s="26" t="s">
        <v>184</v>
      </c>
      <c r="H89" s="7" t="s">
        <v>195</v>
      </c>
    </row>
    <row r="90" spans="1:8" x14ac:dyDescent="0.25">
      <c r="A90" s="103"/>
      <c r="B90" s="103"/>
      <c r="C90" s="103"/>
      <c r="D90" s="119"/>
      <c r="E90" s="100"/>
      <c r="F90" s="1">
        <v>2253</v>
      </c>
      <c r="G90" s="26" t="s">
        <v>184</v>
      </c>
      <c r="H90" s="7" t="s">
        <v>196</v>
      </c>
    </row>
    <row r="91" spans="1:8" x14ac:dyDescent="0.25">
      <c r="A91" s="103"/>
      <c r="B91" s="103"/>
      <c r="C91" s="103"/>
      <c r="D91" s="119"/>
      <c r="E91" s="100"/>
      <c r="F91" s="1">
        <v>2261</v>
      </c>
      <c r="G91" s="26" t="s">
        <v>184</v>
      </c>
      <c r="H91" s="7" t="s">
        <v>197</v>
      </c>
    </row>
    <row r="92" spans="1:8" x14ac:dyDescent="0.25">
      <c r="A92" s="103"/>
      <c r="B92" s="103"/>
      <c r="C92" s="103"/>
      <c r="D92" s="119"/>
      <c r="E92" s="100"/>
      <c r="F92" s="1">
        <v>2262</v>
      </c>
      <c r="G92" s="26" t="s">
        <v>184</v>
      </c>
      <c r="H92" s="7" t="s">
        <v>198</v>
      </c>
    </row>
    <row r="93" spans="1:8" x14ac:dyDescent="0.25">
      <c r="A93" s="103"/>
      <c r="B93" s="103"/>
      <c r="C93" s="103"/>
      <c r="D93" s="119"/>
      <c r="E93" s="100"/>
      <c r="F93" s="1">
        <v>2263</v>
      </c>
      <c r="G93" s="26" t="s">
        <v>184</v>
      </c>
      <c r="H93" s="7" t="s">
        <v>199</v>
      </c>
    </row>
    <row r="94" spans="1:8" x14ac:dyDescent="0.25">
      <c r="A94" s="103"/>
      <c r="B94" s="103"/>
      <c r="C94" s="103"/>
      <c r="D94" s="119"/>
      <c r="E94" s="100"/>
      <c r="F94" s="1">
        <v>2270</v>
      </c>
      <c r="G94" s="26" t="s">
        <v>200</v>
      </c>
      <c r="H94" s="7" t="s">
        <v>201</v>
      </c>
    </row>
    <row r="95" spans="1:8" x14ac:dyDescent="0.25">
      <c r="A95" s="103"/>
      <c r="B95" s="103"/>
      <c r="C95" s="103"/>
      <c r="D95" s="119"/>
      <c r="E95" s="100"/>
      <c r="F95" s="1">
        <v>2271</v>
      </c>
      <c r="G95" s="26" t="s">
        <v>200</v>
      </c>
      <c r="H95" s="7" t="s">
        <v>202</v>
      </c>
    </row>
    <row r="96" spans="1:8" x14ac:dyDescent="0.25">
      <c r="A96" s="103"/>
      <c r="B96" s="103"/>
      <c r="C96" s="103"/>
      <c r="D96" s="119"/>
      <c r="E96" s="100"/>
      <c r="F96" s="1">
        <v>2272</v>
      </c>
      <c r="G96" s="26" t="s">
        <v>200</v>
      </c>
      <c r="H96" s="7" t="s">
        <v>203</v>
      </c>
    </row>
    <row r="97" spans="1:8" x14ac:dyDescent="0.25">
      <c r="A97" s="103"/>
      <c r="B97" s="103"/>
      <c r="C97" s="103"/>
      <c r="D97" s="119"/>
      <c r="E97" s="100"/>
      <c r="F97" s="1">
        <v>2273</v>
      </c>
      <c r="G97" s="26" t="s">
        <v>200</v>
      </c>
      <c r="H97" s="7" t="s">
        <v>204</v>
      </c>
    </row>
    <row r="98" spans="1:8" x14ac:dyDescent="0.25">
      <c r="A98" s="103"/>
      <c r="B98" s="103"/>
      <c r="C98" s="103"/>
      <c r="D98" s="119"/>
      <c r="E98" s="100"/>
      <c r="F98" s="1">
        <v>2274</v>
      </c>
      <c r="G98" s="26" t="s">
        <v>200</v>
      </c>
      <c r="H98" s="7" t="s">
        <v>205</v>
      </c>
    </row>
    <row r="99" spans="1:8" x14ac:dyDescent="0.25">
      <c r="A99" s="103"/>
      <c r="B99" s="103"/>
      <c r="C99" s="103"/>
      <c r="D99" s="119"/>
      <c r="E99" s="100"/>
      <c r="F99" s="1">
        <v>2275</v>
      </c>
      <c r="G99" s="26" t="s">
        <v>200</v>
      </c>
      <c r="H99" s="7" t="s">
        <v>206</v>
      </c>
    </row>
    <row r="100" spans="1:8" x14ac:dyDescent="0.25">
      <c r="A100" s="103"/>
      <c r="B100" s="103"/>
      <c r="C100" s="103"/>
      <c r="D100" s="119"/>
      <c r="E100" s="100"/>
      <c r="F100" s="1">
        <v>2276</v>
      </c>
      <c r="G100" s="26" t="s">
        <v>200</v>
      </c>
      <c r="H100" s="7" t="s">
        <v>207</v>
      </c>
    </row>
    <row r="101" spans="1:8" x14ac:dyDescent="0.25">
      <c r="A101" s="103"/>
      <c r="B101" s="103"/>
      <c r="C101" s="103"/>
      <c r="D101" s="119"/>
      <c r="E101" s="100"/>
      <c r="F101" s="1">
        <v>2281</v>
      </c>
      <c r="G101" s="26" t="s">
        <v>200</v>
      </c>
      <c r="H101" s="7" t="s">
        <v>208</v>
      </c>
    </row>
    <row r="102" spans="1:8" x14ac:dyDescent="0.25">
      <c r="A102" s="103"/>
      <c r="B102" s="103"/>
      <c r="C102" s="103"/>
      <c r="D102" s="119"/>
      <c r="E102" s="100"/>
      <c r="F102" s="1">
        <v>2282</v>
      </c>
      <c r="G102" s="26" t="s">
        <v>200</v>
      </c>
      <c r="H102" s="7" t="s">
        <v>209</v>
      </c>
    </row>
    <row r="103" spans="1:8" x14ac:dyDescent="0.25">
      <c r="A103" s="103"/>
      <c r="B103" s="103"/>
      <c r="C103" s="103"/>
      <c r="D103" s="119"/>
      <c r="E103" s="100"/>
      <c r="F103" s="1">
        <v>2283</v>
      </c>
      <c r="G103" s="26" t="s">
        <v>200</v>
      </c>
      <c r="H103" s="7" t="s">
        <v>210</v>
      </c>
    </row>
    <row r="104" spans="1:8" x14ac:dyDescent="0.25">
      <c r="A104" s="103"/>
      <c r="B104" s="103"/>
      <c r="C104" s="103"/>
      <c r="D104" s="119"/>
      <c r="E104" s="100"/>
      <c r="F104" s="1">
        <v>2284</v>
      </c>
      <c r="G104" s="26" t="s">
        <v>200</v>
      </c>
      <c r="H104" s="7" t="s">
        <v>211</v>
      </c>
    </row>
    <row r="105" spans="1:8" x14ac:dyDescent="0.25">
      <c r="A105" s="103"/>
      <c r="B105" s="103"/>
      <c r="C105" s="103"/>
      <c r="D105" s="119"/>
      <c r="E105" s="100"/>
      <c r="F105" s="1">
        <v>2285</v>
      </c>
      <c r="G105" s="26" t="s">
        <v>200</v>
      </c>
      <c r="H105" s="7" t="s">
        <v>212</v>
      </c>
    </row>
    <row r="106" spans="1:8" x14ac:dyDescent="0.25">
      <c r="A106" s="104"/>
      <c r="B106" s="104"/>
      <c r="C106" s="104"/>
      <c r="D106" s="120"/>
      <c r="E106" s="101"/>
      <c r="F106" s="1">
        <v>2286</v>
      </c>
      <c r="G106" s="26" t="s">
        <v>200</v>
      </c>
      <c r="H106" s="7" t="s">
        <v>213</v>
      </c>
    </row>
    <row r="107" spans="1:8" x14ac:dyDescent="0.25">
      <c r="A107" s="102" t="s">
        <v>359</v>
      </c>
      <c r="B107" s="102" t="s">
        <v>216</v>
      </c>
      <c r="C107" s="102" t="s">
        <v>217</v>
      </c>
      <c r="D107" s="108" t="s">
        <v>236</v>
      </c>
      <c r="E107" s="117" t="s">
        <v>42</v>
      </c>
      <c r="F107" s="1">
        <v>137</v>
      </c>
      <c r="G107" s="26" t="s">
        <v>10</v>
      </c>
      <c r="H107" s="43" t="s">
        <v>30</v>
      </c>
    </row>
    <row r="108" spans="1:8" x14ac:dyDescent="0.25">
      <c r="A108" s="104"/>
      <c r="B108" s="104"/>
      <c r="C108" s="104"/>
      <c r="D108" s="108"/>
      <c r="E108" s="117"/>
      <c r="F108" s="1">
        <v>138</v>
      </c>
      <c r="G108" s="26" t="s">
        <v>10</v>
      </c>
      <c r="H108" s="35" t="s">
        <v>121</v>
      </c>
    </row>
    <row r="109" spans="1:8" x14ac:dyDescent="0.25">
      <c r="A109" s="1" t="s">
        <v>117</v>
      </c>
      <c r="B109" s="1" t="s">
        <v>117</v>
      </c>
      <c r="C109" s="1" t="s">
        <v>360</v>
      </c>
      <c r="D109" s="1" t="s">
        <v>7</v>
      </c>
      <c r="E109" s="5" t="s">
        <v>6</v>
      </c>
      <c r="F109" s="1">
        <v>112</v>
      </c>
      <c r="G109" s="27" t="s">
        <v>4</v>
      </c>
      <c r="H109" s="1" t="s">
        <v>6</v>
      </c>
    </row>
    <row r="110" spans="1:8" x14ac:dyDescent="0.25">
      <c r="A110" s="1" t="s">
        <v>117</v>
      </c>
      <c r="B110" s="1" t="s">
        <v>117</v>
      </c>
      <c r="C110" s="1" t="s">
        <v>360</v>
      </c>
      <c r="D110" s="1" t="s">
        <v>404</v>
      </c>
      <c r="E110" s="5" t="s">
        <v>405</v>
      </c>
      <c r="F110" s="1">
        <v>152</v>
      </c>
      <c r="G110" s="27" t="s">
        <v>14</v>
      </c>
      <c r="H110" s="1" t="s">
        <v>33</v>
      </c>
    </row>
    <row r="111" spans="1:8" x14ac:dyDescent="0.25">
      <c r="A111" s="1" t="s">
        <v>117</v>
      </c>
      <c r="B111" s="1" t="s">
        <v>117</v>
      </c>
      <c r="C111" s="1" t="s">
        <v>360</v>
      </c>
      <c r="D111" s="1" t="s">
        <v>3</v>
      </c>
      <c r="E111" s="5" t="s">
        <v>37</v>
      </c>
      <c r="F111" s="1">
        <v>101</v>
      </c>
      <c r="G111" s="27" t="s">
        <v>1</v>
      </c>
      <c r="H111" s="1" t="s">
        <v>2</v>
      </c>
    </row>
    <row r="112" spans="1:8" x14ac:dyDescent="0.25">
      <c r="A112" s="99" t="s">
        <v>117</v>
      </c>
      <c r="B112" s="99" t="s">
        <v>117</v>
      </c>
      <c r="C112" s="99" t="s">
        <v>360</v>
      </c>
      <c r="D112" s="108" t="s">
        <v>11</v>
      </c>
      <c r="E112" s="108" t="s">
        <v>40</v>
      </c>
      <c r="F112" s="1">
        <v>131</v>
      </c>
      <c r="G112" s="27" t="s">
        <v>10</v>
      </c>
      <c r="H112" s="1" t="s">
        <v>27</v>
      </c>
    </row>
    <row r="113" spans="1:8" x14ac:dyDescent="0.25">
      <c r="A113" s="101"/>
      <c r="B113" s="101"/>
      <c r="C113" s="101"/>
      <c r="D113" s="108"/>
      <c r="E113" s="108"/>
      <c r="F113" s="1">
        <v>140</v>
      </c>
      <c r="G113" s="27" t="s">
        <v>10</v>
      </c>
      <c r="H113" s="1" t="s">
        <v>32</v>
      </c>
    </row>
    <row r="114" spans="1:8" x14ac:dyDescent="0.25">
      <c r="A114" s="99" t="s">
        <v>117</v>
      </c>
      <c r="B114" s="99" t="s">
        <v>117</v>
      </c>
      <c r="C114" s="99" t="s">
        <v>360</v>
      </c>
      <c r="D114" s="116" t="s">
        <v>12</v>
      </c>
      <c r="E114" s="108" t="s">
        <v>41</v>
      </c>
      <c r="F114" s="1">
        <v>132</v>
      </c>
      <c r="G114" s="27" t="s">
        <v>10</v>
      </c>
      <c r="H114" s="1" t="s">
        <v>28</v>
      </c>
    </row>
    <row r="115" spans="1:8" x14ac:dyDescent="0.25">
      <c r="A115" s="100"/>
      <c r="B115" s="100"/>
      <c r="C115" s="100"/>
      <c r="D115" s="116"/>
      <c r="E115" s="108"/>
      <c r="F115" s="1">
        <v>133</v>
      </c>
      <c r="G115" s="27" t="s">
        <v>10</v>
      </c>
      <c r="H115" s="1" t="s">
        <v>29</v>
      </c>
    </row>
    <row r="116" spans="1:8" x14ac:dyDescent="0.25">
      <c r="A116" s="101"/>
      <c r="B116" s="101"/>
      <c r="C116" s="101"/>
      <c r="D116" s="116"/>
      <c r="E116" s="108"/>
      <c r="F116" s="1">
        <v>139</v>
      </c>
      <c r="G116" s="27" t="s">
        <v>10</v>
      </c>
      <c r="H116" s="1" t="s">
        <v>31</v>
      </c>
    </row>
    <row r="117" spans="1:8" x14ac:dyDescent="0.25">
      <c r="A117" s="99" t="s">
        <v>117</v>
      </c>
      <c r="B117" s="99" t="s">
        <v>117</v>
      </c>
      <c r="C117" s="99" t="s">
        <v>360</v>
      </c>
      <c r="D117" s="116" t="s">
        <v>15</v>
      </c>
      <c r="E117" s="108" t="s">
        <v>43</v>
      </c>
      <c r="F117" s="1">
        <v>151</v>
      </c>
      <c r="G117" s="27" t="s">
        <v>14</v>
      </c>
      <c r="H117" s="1" t="s">
        <v>14</v>
      </c>
    </row>
    <row r="118" spans="1:8" x14ac:dyDescent="0.25">
      <c r="A118" s="100"/>
      <c r="B118" s="100"/>
      <c r="C118" s="100"/>
      <c r="D118" s="116"/>
      <c r="E118" s="108"/>
      <c r="F118" s="1">
        <v>156</v>
      </c>
      <c r="G118" s="27" t="s">
        <v>14</v>
      </c>
      <c r="H118" s="1" t="s">
        <v>17</v>
      </c>
    </row>
    <row r="119" spans="1:8" x14ac:dyDescent="0.25">
      <c r="A119" s="101"/>
      <c r="B119" s="101"/>
      <c r="C119" s="101"/>
      <c r="D119" s="116"/>
      <c r="E119" s="108"/>
      <c r="F119" s="1">
        <v>157</v>
      </c>
      <c r="G119" s="27" t="s">
        <v>14</v>
      </c>
      <c r="H119" s="1" t="s">
        <v>35</v>
      </c>
    </row>
    <row r="120" spans="1:8" x14ac:dyDescent="0.25">
      <c r="A120" s="1" t="s">
        <v>117</v>
      </c>
      <c r="B120" s="1" t="s">
        <v>117</v>
      </c>
      <c r="C120" s="1" t="s">
        <v>360</v>
      </c>
      <c r="D120" s="1" t="s">
        <v>16</v>
      </c>
      <c r="E120" s="5" t="s">
        <v>45</v>
      </c>
      <c r="F120" s="1">
        <v>153</v>
      </c>
      <c r="G120" s="27" t="s">
        <v>14</v>
      </c>
      <c r="H120" s="1" t="s">
        <v>34</v>
      </c>
    </row>
    <row r="121" spans="1:8" x14ac:dyDescent="0.25">
      <c r="A121" s="1" t="s">
        <v>117</v>
      </c>
      <c r="B121" s="1" t="s">
        <v>117</v>
      </c>
      <c r="C121" s="1" t="s">
        <v>360</v>
      </c>
      <c r="D121" s="1" t="s">
        <v>18</v>
      </c>
      <c r="E121" s="5" t="s">
        <v>46</v>
      </c>
      <c r="F121" s="1">
        <v>158</v>
      </c>
      <c r="G121" s="27" t="s">
        <v>14</v>
      </c>
      <c r="H121" s="1" t="s">
        <v>36</v>
      </c>
    </row>
    <row r="122" spans="1:8" x14ac:dyDescent="0.25">
      <c r="A122" s="99" t="s">
        <v>117</v>
      </c>
      <c r="B122" s="99" t="s">
        <v>117</v>
      </c>
      <c r="C122" s="99" t="s">
        <v>360</v>
      </c>
      <c r="D122" s="116" t="s">
        <v>5</v>
      </c>
      <c r="E122" s="108" t="s">
        <v>38</v>
      </c>
      <c r="F122" s="1">
        <v>111</v>
      </c>
      <c r="G122" s="27" t="s">
        <v>4</v>
      </c>
      <c r="H122" s="1" t="s">
        <v>4</v>
      </c>
    </row>
    <row r="123" spans="1:8" x14ac:dyDescent="0.25">
      <c r="A123" s="100"/>
      <c r="B123" s="100"/>
      <c r="C123" s="100"/>
      <c r="D123" s="116"/>
      <c r="E123" s="108"/>
      <c r="F123" s="1">
        <v>116</v>
      </c>
      <c r="G123" s="27" t="s">
        <v>4</v>
      </c>
      <c r="H123" s="1" t="s">
        <v>26</v>
      </c>
    </row>
    <row r="124" spans="1:8" x14ac:dyDescent="0.25">
      <c r="A124" s="101"/>
      <c r="B124" s="101"/>
      <c r="C124" s="101"/>
      <c r="D124" s="116"/>
      <c r="E124" s="108"/>
      <c r="F124" s="1">
        <v>120</v>
      </c>
      <c r="G124" s="27" t="s">
        <v>4</v>
      </c>
      <c r="H124" s="1" t="s">
        <v>9</v>
      </c>
    </row>
    <row r="125" spans="1:8" x14ac:dyDescent="0.25">
      <c r="A125" s="99" t="s">
        <v>117</v>
      </c>
      <c r="B125" s="99" t="s">
        <v>117</v>
      </c>
      <c r="C125" s="99" t="s">
        <v>360</v>
      </c>
      <c r="D125" s="116" t="s">
        <v>8</v>
      </c>
      <c r="E125" s="108" t="s">
        <v>39</v>
      </c>
      <c r="F125" s="1">
        <v>113</v>
      </c>
      <c r="G125" s="27" t="s">
        <v>4</v>
      </c>
      <c r="H125" s="1" t="s">
        <v>24</v>
      </c>
    </row>
    <row r="126" spans="1:8" x14ac:dyDescent="0.25">
      <c r="A126" s="101"/>
      <c r="B126" s="101"/>
      <c r="C126" s="101"/>
      <c r="D126" s="116"/>
      <c r="E126" s="108"/>
      <c r="F126" s="1">
        <v>114</v>
      </c>
      <c r="G126" s="27" t="s">
        <v>4</v>
      </c>
      <c r="H126" s="1" t="s">
        <v>25</v>
      </c>
    </row>
    <row r="127" spans="1:8" x14ac:dyDescent="0.25">
      <c r="A127" s="99" t="s">
        <v>117</v>
      </c>
      <c r="B127" s="99" t="s">
        <v>117</v>
      </c>
      <c r="C127" s="99" t="s">
        <v>360</v>
      </c>
      <c r="D127" s="116" t="s">
        <v>20</v>
      </c>
      <c r="E127" s="108" t="s">
        <v>47</v>
      </c>
      <c r="F127" s="1">
        <v>100</v>
      </c>
      <c r="G127" s="27" t="s">
        <v>0</v>
      </c>
      <c r="H127" s="1" t="s">
        <v>0</v>
      </c>
    </row>
    <row r="128" spans="1:8" x14ac:dyDescent="0.25">
      <c r="A128" s="100"/>
      <c r="B128" s="100"/>
      <c r="C128" s="100"/>
      <c r="D128" s="116"/>
      <c r="E128" s="108"/>
      <c r="F128" s="1">
        <v>191</v>
      </c>
      <c r="G128" s="27" t="s">
        <v>19</v>
      </c>
      <c r="H128" s="1" t="s">
        <v>19</v>
      </c>
    </row>
    <row r="129" spans="1:8" x14ac:dyDescent="0.25">
      <c r="A129" s="101"/>
      <c r="B129" s="101"/>
      <c r="C129" s="101"/>
      <c r="D129" s="116"/>
      <c r="E129" s="108"/>
      <c r="F129" s="1">
        <v>261</v>
      </c>
      <c r="G129" s="27" t="s">
        <v>21</v>
      </c>
      <c r="H129" s="1" t="s">
        <v>21</v>
      </c>
    </row>
    <row r="130" spans="1:8" x14ac:dyDescent="0.25">
      <c r="A130" s="1" t="s">
        <v>117</v>
      </c>
      <c r="B130" s="1" t="s">
        <v>117</v>
      </c>
      <c r="C130" s="1" t="s">
        <v>360</v>
      </c>
      <c r="D130" s="1" t="s">
        <v>13</v>
      </c>
      <c r="E130" s="5" t="s">
        <v>42</v>
      </c>
      <c r="F130" s="1">
        <v>137</v>
      </c>
      <c r="G130" s="27" t="s">
        <v>10</v>
      </c>
      <c r="H130" s="1" t="s">
        <v>30</v>
      </c>
    </row>
    <row r="131" spans="1:8" x14ac:dyDescent="0.25">
      <c r="A131" s="3" t="s">
        <v>359</v>
      </c>
      <c r="B131" s="3" t="s">
        <v>214</v>
      </c>
      <c r="C131" s="3" t="s">
        <v>215</v>
      </c>
      <c r="D131" s="8" t="s">
        <v>225</v>
      </c>
      <c r="E131" s="60" t="s">
        <v>388</v>
      </c>
      <c r="F131" s="1">
        <v>152</v>
      </c>
      <c r="G131" s="26" t="s">
        <v>14</v>
      </c>
      <c r="H131" s="7" t="s">
        <v>33</v>
      </c>
    </row>
    <row r="132" spans="1:8" x14ac:dyDescent="0.25">
      <c r="A132" s="3" t="s">
        <v>359</v>
      </c>
      <c r="B132" s="3" t="s">
        <v>214</v>
      </c>
      <c r="C132" s="3" t="s">
        <v>215</v>
      </c>
      <c r="D132" s="7" t="s">
        <v>219</v>
      </c>
      <c r="E132" s="1" t="s">
        <v>37</v>
      </c>
      <c r="F132" s="1">
        <v>101</v>
      </c>
      <c r="G132" s="26" t="s">
        <v>1</v>
      </c>
      <c r="H132" s="7" t="s">
        <v>118</v>
      </c>
    </row>
    <row r="133" spans="1:8" x14ac:dyDescent="0.25">
      <c r="A133" s="57" t="s">
        <v>359</v>
      </c>
      <c r="B133" s="57" t="s">
        <v>214</v>
      </c>
      <c r="C133" s="57" t="s">
        <v>215</v>
      </c>
      <c r="D133" s="68" t="s">
        <v>393</v>
      </c>
      <c r="E133" s="25" t="s">
        <v>398</v>
      </c>
      <c r="F133" s="3">
        <v>116</v>
      </c>
      <c r="G133" s="55" t="s">
        <v>4</v>
      </c>
      <c r="H133" s="35" t="s">
        <v>26</v>
      </c>
    </row>
    <row r="134" spans="1:8" x14ac:dyDescent="0.25">
      <c r="A134" s="58" t="s">
        <v>359</v>
      </c>
      <c r="B134" s="58" t="s">
        <v>214</v>
      </c>
      <c r="C134" s="58" t="s">
        <v>215</v>
      </c>
      <c r="D134" s="68" t="s">
        <v>391</v>
      </c>
      <c r="E134" s="25" t="s">
        <v>399</v>
      </c>
      <c r="F134" s="3">
        <v>111</v>
      </c>
      <c r="G134" s="55" t="s">
        <v>4</v>
      </c>
      <c r="H134" s="9" t="s">
        <v>4</v>
      </c>
    </row>
    <row r="135" spans="1:8" x14ac:dyDescent="0.25">
      <c r="A135" s="112" t="s">
        <v>359</v>
      </c>
      <c r="B135" s="112" t="s">
        <v>214</v>
      </c>
      <c r="C135" s="112" t="s">
        <v>215</v>
      </c>
      <c r="D135" s="111" t="s">
        <v>218</v>
      </c>
      <c r="E135" s="102" t="s">
        <v>39</v>
      </c>
      <c r="F135" s="3">
        <v>100</v>
      </c>
      <c r="G135" s="55" t="s">
        <v>0</v>
      </c>
      <c r="H135" s="9" t="s">
        <v>0</v>
      </c>
    </row>
    <row r="136" spans="1:8" s="20" customFormat="1" x14ac:dyDescent="0.25">
      <c r="A136" s="112"/>
      <c r="B136" s="112"/>
      <c r="C136" s="112"/>
      <c r="D136" s="111"/>
      <c r="E136" s="103"/>
      <c r="F136" s="3">
        <v>120</v>
      </c>
      <c r="G136" s="55" t="s">
        <v>4</v>
      </c>
      <c r="H136" s="9" t="s">
        <v>9</v>
      </c>
    </row>
    <row r="137" spans="1:8" x14ac:dyDescent="0.25">
      <c r="A137" s="102" t="s">
        <v>359</v>
      </c>
      <c r="B137" s="102" t="s">
        <v>214</v>
      </c>
      <c r="C137" s="102" t="s">
        <v>215</v>
      </c>
      <c r="D137" s="99" t="s">
        <v>222</v>
      </c>
      <c r="E137" s="113" t="s">
        <v>368</v>
      </c>
      <c r="F137" s="1">
        <v>132</v>
      </c>
      <c r="G137" s="26" t="s">
        <v>10</v>
      </c>
      <c r="H137" s="7" t="s">
        <v>28</v>
      </c>
    </row>
    <row r="138" spans="1:8" s="20" customFormat="1" x14ac:dyDescent="0.25">
      <c r="A138" s="103"/>
      <c r="B138" s="103"/>
      <c r="C138" s="103"/>
      <c r="D138" s="101"/>
      <c r="E138" s="114"/>
      <c r="F138" s="1">
        <v>135</v>
      </c>
      <c r="G138" s="26" t="s">
        <v>10</v>
      </c>
      <c r="H138" s="9" t="s">
        <v>120</v>
      </c>
    </row>
    <row r="139" spans="1:8" x14ac:dyDescent="0.25">
      <c r="A139" s="102" t="s">
        <v>359</v>
      </c>
      <c r="B139" s="102" t="s">
        <v>214</v>
      </c>
      <c r="C139" s="102" t="s">
        <v>215</v>
      </c>
      <c r="D139" s="108" t="s">
        <v>227</v>
      </c>
      <c r="E139" s="109" t="s">
        <v>369</v>
      </c>
      <c r="F139" s="1">
        <v>158</v>
      </c>
      <c r="G139" s="26" t="s">
        <v>14</v>
      </c>
      <c r="H139" s="6" t="s">
        <v>228</v>
      </c>
    </row>
    <row r="140" spans="1:8" x14ac:dyDescent="0.25">
      <c r="A140" s="104"/>
      <c r="B140" s="104"/>
      <c r="C140" s="104"/>
      <c r="D140" s="108"/>
      <c r="E140" s="109"/>
      <c r="F140" s="1">
        <v>159</v>
      </c>
      <c r="G140" s="26" t="s">
        <v>14</v>
      </c>
      <c r="H140" s="6" t="s">
        <v>228</v>
      </c>
    </row>
    <row r="141" spans="1:8" x14ac:dyDescent="0.25">
      <c r="A141" s="3" t="s">
        <v>359</v>
      </c>
      <c r="B141" s="3" t="s">
        <v>214</v>
      </c>
      <c r="C141" s="3" t="s">
        <v>215</v>
      </c>
      <c r="D141" s="7" t="s">
        <v>220</v>
      </c>
      <c r="E141" s="6" t="s">
        <v>367</v>
      </c>
      <c r="F141" s="1">
        <v>112</v>
      </c>
      <c r="G141" s="26" t="s">
        <v>4</v>
      </c>
      <c r="H141" s="1" t="s">
        <v>6</v>
      </c>
    </row>
    <row r="142" spans="1:8" x14ac:dyDescent="0.25">
      <c r="A142" s="112" t="s">
        <v>359</v>
      </c>
      <c r="B142" s="102" t="s">
        <v>214</v>
      </c>
      <c r="C142" s="102" t="s">
        <v>215</v>
      </c>
      <c r="D142" s="102" t="s">
        <v>392</v>
      </c>
      <c r="E142" s="102" t="s">
        <v>402</v>
      </c>
      <c r="F142" s="3">
        <v>113</v>
      </c>
      <c r="G142" s="55" t="s">
        <v>4</v>
      </c>
      <c r="H142" s="9" t="s">
        <v>24</v>
      </c>
    </row>
    <row r="143" spans="1:8" x14ac:dyDescent="0.25">
      <c r="A143" s="112"/>
      <c r="B143" s="104"/>
      <c r="C143" s="104"/>
      <c r="D143" s="104"/>
      <c r="E143" s="104"/>
      <c r="F143" s="3">
        <v>114</v>
      </c>
      <c r="G143" s="55" t="s">
        <v>4</v>
      </c>
      <c r="H143" s="9" t="s">
        <v>25</v>
      </c>
    </row>
    <row r="144" spans="1:8" x14ac:dyDescent="0.25">
      <c r="A144" s="102" t="s">
        <v>359</v>
      </c>
      <c r="B144" s="102" t="s">
        <v>214</v>
      </c>
      <c r="C144" s="102" t="s">
        <v>215</v>
      </c>
      <c r="D144" s="110" t="s">
        <v>229</v>
      </c>
      <c r="E144" s="108" t="s">
        <v>47</v>
      </c>
      <c r="F144" s="1">
        <v>204</v>
      </c>
      <c r="G144" s="26" t="s">
        <v>125</v>
      </c>
      <c r="H144" s="7" t="s">
        <v>126</v>
      </c>
    </row>
    <row r="145" spans="1:8" x14ac:dyDescent="0.25">
      <c r="A145" s="103"/>
      <c r="B145" s="103"/>
      <c r="C145" s="103"/>
      <c r="D145" s="110"/>
      <c r="E145" s="108"/>
      <c r="F145" s="1">
        <v>205</v>
      </c>
      <c r="G145" s="26" t="s">
        <v>125</v>
      </c>
      <c r="H145" s="7" t="s">
        <v>127</v>
      </c>
    </row>
    <row r="146" spans="1:8" x14ac:dyDescent="0.25">
      <c r="A146" s="103"/>
      <c r="B146" s="103"/>
      <c r="C146" s="103"/>
      <c r="D146" s="110"/>
      <c r="E146" s="108"/>
      <c r="F146" s="1">
        <v>206</v>
      </c>
      <c r="G146" s="26" t="s">
        <v>125</v>
      </c>
      <c r="H146" s="7" t="s">
        <v>128</v>
      </c>
    </row>
    <row r="147" spans="1:8" x14ac:dyDescent="0.25">
      <c r="A147" s="103"/>
      <c r="B147" s="103"/>
      <c r="C147" s="103"/>
      <c r="D147" s="110"/>
      <c r="E147" s="108"/>
      <c r="F147" s="1">
        <v>211</v>
      </c>
      <c r="G147" s="26" t="s">
        <v>129</v>
      </c>
      <c r="H147" s="7" t="s">
        <v>130</v>
      </c>
    </row>
    <row r="148" spans="1:8" x14ac:dyDescent="0.25">
      <c r="A148" s="103"/>
      <c r="B148" s="103"/>
      <c r="C148" s="103"/>
      <c r="D148" s="110"/>
      <c r="E148" s="108"/>
      <c r="F148" s="1">
        <v>212</v>
      </c>
      <c r="G148" s="26" t="s">
        <v>129</v>
      </c>
      <c r="H148" s="7" t="s">
        <v>131</v>
      </c>
    </row>
    <row r="149" spans="1:8" x14ac:dyDescent="0.25">
      <c r="A149" s="103"/>
      <c r="B149" s="103"/>
      <c r="C149" s="103"/>
      <c r="D149" s="110"/>
      <c r="E149" s="108"/>
      <c r="F149" s="1">
        <v>231</v>
      </c>
      <c r="G149" s="26" t="s">
        <v>132</v>
      </c>
      <c r="H149" s="7" t="s">
        <v>133</v>
      </c>
    </row>
    <row r="150" spans="1:8" x14ac:dyDescent="0.25">
      <c r="A150" s="103"/>
      <c r="B150" s="103"/>
      <c r="C150" s="103"/>
      <c r="D150" s="110"/>
      <c r="E150" s="108"/>
      <c r="F150" s="1">
        <v>232</v>
      </c>
      <c r="G150" s="26" t="s">
        <v>132</v>
      </c>
      <c r="H150" s="7" t="s">
        <v>134</v>
      </c>
    </row>
    <row r="151" spans="1:8" x14ac:dyDescent="0.25">
      <c r="A151" s="103"/>
      <c r="B151" s="103"/>
      <c r="C151" s="103"/>
      <c r="D151" s="110"/>
      <c r="E151" s="108"/>
      <c r="F151" s="1">
        <v>233</v>
      </c>
      <c r="G151" s="26" t="s">
        <v>132</v>
      </c>
      <c r="H151" s="7" t="s">
        <v>135</v>
      </c>
    </row>
    <row r="152" spans="1:8" x14ac:dyDescent="0.25">
      <c r="A152" s="103"/>
      <c r="B152" s="103"/>
      <c r="C152" s="103"/>
      <c r="D152" s="110"/>
      <c r="E152" s="108"/>
      <c r="F152" s="1">
        <v>234</v>
      </c>
      <c r="G152" s="26" t="s">
        <v>136</v>
      </c>
      <c r="H152" s="7" t="s">
        <v>137</v>
      </c>
    </row>
    <row r="153" spans="1:8" x14ac:dyDescent="0.25">
      <c r="A153" s="103"/>
      <c r="B153" s="103"/>
      <c r="C153" s="103"/>
      <c r="D153" s="110"/>
      <c r="E153" s="108"/>
      <c r="F153" s="1">
        <v>235</v>
      </c>
      <c r="G153" s="26" t="s">
        <v>136</v>
      </c>
      <c r="H153" s="7" t="s">
        <v>138</v>
      </c>
    </row>
    <row r="154" spans="1:8" x14ac:dyDescent="0.25">
      <c r="A154" s="103"/>
      <c r="B154" s="103"/>
      <c r="C154" s="103"/>
      <c r="D154" s="110"/>
      <c r="E154" s="108"/>
      <c r="F154" s="1">
        <v>236</v>
      </c>
      <c r="G154" s="26" t="s">
        <v>136</v>
      </c>
      <c r="H154" s="7" t="s">
        <v>139</v>
      </c>
    </row>
    <row r="155" spans="1:8" x14ac:dyDescent="0.25">
      <c r="A155" s="103"/>
      <c r="B155" s="103"/>
      <c r="C155" s="103"/>
      <c r="D155" s="110"/>
      <c r="E155" s="108"/>
      <c r="F155" s="1">
        <v>237</v>
      </c>
      <c r="G155" s="26" t="s">
        <v>136</v>
      </c>
      <c r="H155" s="7" t="s">
        <v>140</v>
      </c>
    </row>
    <row r="156" spans="1:8" x14ac:dyDescent="0.25">
      <c r="A156" s="103"/>
      <c r="B156" s="103"/>
      <c r="C156" s="103"/>
      <c r="D156" s="110"/>
      <c r="E156" s="108"/>
      <c r="F156" s="1">
        <v>238</v>
      </c>
      <c r="G156" s="26" t="s">
        <v>136</v>
      </c>
      <c r="H156" s="7" t="s">
        <v>141</v>
      </c>
    </row>
    <row r="157" spans="1:8" x14ac:dyDescent="0.25">
      <c r="A157" s="103"/>
      <c r="B157" s="103"/>
      <c r="C157" s="103"/>
      <c r="D157" s="110"/>
      <c r="E157" s="108"/>
      <c r="F157" s="1">
        <v>241</v>
      </c>
      <c r="G157" s="26" t="s">
        <v>142</v>
      </c>
      <c r="H157" s="7" t="s">
        <v>143</v>
      </c>
    </row>
    <row r="158" spans="1:8" x14ac:dyDescent="0.25">
      <c r="A158" s="103"/>
      <c r="B158" s="103"/>
      <c r="C158" s="103"/>
      <c r="D158" s="110"/>
      <c r="E158" s="108"/>
      <c r="F158" s="1">
        <v>242</v>
      </c>
      <c r="G158" s="26" t="s">
        <v>142</v>
      </c>
      <c r="H158" s="7" t="s">
        <v>144</v>
      </c>
    </row>
    <row r="159" spans="1:8" x14ac:dyDescent="0.25">
      <c r="A159" s="103"/>
      <c r="B159" s="103"/>
      <c r="C159" s="103"/>
      <c r="D159" s="110"/>
      <c r="E159" s="108"/>
      <c r="F159" s="1">
        <v>243</v>
      </c>
      <c r="G159" s="26" t="s">
        <v>142</v>
      </c>
      <c r="H159" s="7" t="s">
        <v>145</v>
      </c>
    </row>
    <row r="160" spans="1:8" x14ac:dyDescent="0.25">
      <c r="A160" s="103"/>
      <c r="B160" s="103"/>
      <c r="C160" s="103"/>
      <c r="D160" s="110"/>
      <c r="E160" s="108"/>
      <c r="F160" s="1">
        <v>244</v>
      </c>
      <c r="G160" s="26" t="s">
        <v>142</v>
      </c>
      <c r="H160" s="7" t="s">
        <v>146</v>
      </c>
    </row>
    <row r="161" spans="1:8" x14ac:dyDescent="0.25">
      <c r="A161" s="103"/>
      <c r="B161" s="103"/>
      <c r="C161" s="103"/>
      <c r="D161" s="110"/>
      <c r="E161" s="108"/>
      <c r="F161" s="1">
        <v>245</v>
      </c>
      <c r="G161" s="26" t="s">
        <v>142</v>
      </c>
      <c r="H161" s="7" t="s">
        <v>147</v>
      </c>
    </row>
    <row r="162" spans="1:8" x14ac:dyDescent="0.25">
      <c r="A162" s="103"/>
      <c r="B162" s="103"/>
      <c r="C162" s="103"/>
      <c r="D162" s="110"/>
      <c r="E162" s="108"/>
      <c r="F162" s="1">
        <v>246</v>
      </c>
      <c r="G162" s="26" t="s">
        <v>142</v>
      </c>
      <c r="H162" s="7" t="s">
        <v>148</v>
      </c>
    </row>
    <row r="163" spans="1:8" x14ac:dyDescent="0.25">
      <c r="A163" s="103"/>
      <c r="B163" s="103"/>
      <c r="C163" s="103"/>
      <c r="D163" s="110"/>
      <c r="E163" s="108"/>
      <c r="F163" s="1">
        <v>251</v>
      </c>
      <c r="G163" s="26" t="s">
        <v>74</v>
      </c>
      <c r="H163" s="7" t="s">
        <v>149</v>
      </c>
    </row>
    <row r="164" spans="1:8" x14ac:dyDescent="0.25">
      <c r="A164" s="103"/>
      <c r="B164" s="103"/>
      <c r="C164" s="103"/>
      <c r="D164" s="110"/>
      <c r="E164" s="108"/>
      <c r="F164" s="1">
        <v>252</v>
      </c>
      <c r="G164" s="26" t="s">
        <v>74</v>
      </c>
      <c r="H164" s="7" t="s">
        <v>150</v>
      </c>
    </row>
    <row r="165" spans="1:8" x14ac:dyDescent="0.25">
      <c r="A165" s="103"/>
      <c r="B165" s="103"/>
      <c r="C165" s="103"/>
      <c r="D165" s="110"/>
      <c r="E165" s="108"/>
      <c r="F165" s="1">
        <v>253</v>
      </c>
      <c r="G165" s="26" t="s">
        <v>74</v>
      </c>
      <c r="H165" s="7" t="s">
        <v>151</v>
      </c>
    </row>
    <row r="166" spans="1:8" x14ac:dyDescent="0.25">
      <c r="A166" s="103"/>
      <c r="B166" s="103"/>
      <c r="C166" s="103"/>
      <c r="D166" s="110"/>
      <c r="E166" s="108"/>
      <c r="F166" s="1">
        <v>254</v>
      </c>
      <c r="G166" s="26" t="s">
        <v>74</v>
      </c>
      <c r="H166" s="7" t="s">
        <v>152</v>
      </c>
    </row>
    <row r="167" spans="1:8" x14ac:dyDescent="0.25">
      <c r="A167" s="103"/>
      <c r="B167" s="103"/>
      <c r="C167" s="103"/>
      <c r="D167" s="110"/>
      <c r="E167" s="108"/>
      <c r="F167" s="1">
        <v>255</v>
      </c>
      <c r="G167" s="26" t="s">
        <v>74</v>
      </c>
      <c r="H167" s="7" t="s">
        <v>153</v>
      </c>
    </row>
    <row r="168" spans="1:8" x14ac:dyDescent="0.25">
      <c r="A168" s="103"/>
      <c r="B168" s="103"/>
      <c r="C168" s="103"/>
      <c r="D168" s="110"/>
      <c r="E168" s="108"/>
      <c r="F168" s="1">
        <v>256</v>
      </c>
      <c r="G168" s="26" t="s">
        <v>74</v>
      </c>
      <c r="H168" s="7" t="s">
        <v>154</v>
      </c>
    </row>
    <row r="169" spans="1:8" x14ac:dyDescent="0.25">
      <c r="A169" s="103"/>
      <c r="B169" s="103"/>
      <c r="C169" s="103"/>
      <c r="D169" s="110"/>
      <c r="E169" s="108"/>
      <c r="F169" s="1">
        <v>257</v>
      </c>
      <c r="G169" s="26" t="s">
        <v>74</v>
      </c>
      <c r="H169" s="7" t="s">
        <v>155</v>
      </c>
    </row>
    <row r="170" spans="1:8" x14ac:dyDescent="0.25">
      <c r="A170" s="103"/>
      <c r="B170" s="103"/>
      <c r="C170" s="103"/>
      <c r="D170" s="110"/>
      <c r="E170" s="108"/>
      <c r="F170" s="1">
        <v>258</v>
      </c>
      <c r="G170" s="26" t="s">
        <v>74</v>
      </c>
      <c r="H170" s="7" t="s">
        <v>156</v>
      </c>
    </row>
    <row r="171" spans="1:8" x14ac:dyDescent="0.25">
      <c r="A171" s="103"/>
      <c r="B171" s="103"/>
      <c r="C171" s="103"/>
      <c r="D171" s="110"/>
      <c r="E171" s="108"/>
      <c r="F171" s="1">
        <v>260</v>
      </c>
      <c r="G171" s="26" t="s">
        <v>74</v>
      </c>
      <c r="H171" s="7" t="s">
        <v>157</v>
      </c>
    </row>
    <row r="172" spans="1:8" x14ac:dyDescent="0.25">
      <c r="A172" s="103"/>
      <c r="B172" s="103"/>
      <c r="C172" s="103"/>
      <c r="D172" s="110"/>
      <c r="E172" s="108"/>
      <c r="F172" s="1">
        <v>261</v>
      </c>
      <c r="G172" s="26" t="s">
        <v>21</v>
      </c>
      <c r="H172" s="7" t="s">
        <v>21</v>
      </c>
    </row>
    <row r="173" spans="1:8" x14ac:dyDescent="0.25">
      <c r="A173" s="103"/>
      <c r="B173" s="103"/>
      <c r="C173" s="103"/>
      <c r="D173" s="110"/>
      <c r="E173" s="108"/>
      <c r="F173" s="1">
        <v>270</v>
      </c>
      <c r="G173" s="26" t="s">
        <v>158</v>
      </c>
      <c r="H173" s="7" t="s">
        <v>159</v>
      </c>
    </row>
    <row r="174" spans="1:8" x14ac:dyDescent="0.25">
      <c r="A174" s="103"/>
      <c r="B174" s="103"/>
      <c r="C174" s="103"/>
      <c r="D174" s="110"/>
      <c r="E174" s="108"/>
      <c r="F174" s="1">
        <v>271</v>
      </c>
      <c r="G174" s="26" t="s">
        <v>158</v>
      </c>
      <c r="H174" s="7" t="s">
        <v>160</v>
      </c>
    </row>
    <row r="175" spans="1:8" x14ac:dyDescent="0.25">
      <c r="A175" s="103"/>
      <c r="B175" s="103"/>
      <c r="C175" s="103"/>
      <c r="D175" s="110"/>
      <c r="E175" s="108"/>
      <c r="F175" s="1">
        <v>272</v>
      </c>
      <c r="G175" s="26" t="s">
        <v>158</v>
      </c>
      <c r="H175" s="7" t="s">
        <v>161</v>
      </c>
    </row>
    <row r="176" spans="1:8" x14ac:dyDescent="0.25">
      <c r="A176" s="103"/>
      <c r="B176" s="103"/>
      <c r="C176" s="103"/>
      <c r="D176" s="110"/>
      <c r="E176" s="108"/>
      <c r="F176" s="1">
        <v>273</v>
      </c>
      <c r="G176" s="26" t="s">
        <v>158</v>
      </c>
      <c r="H176" s="7" t="s">
        <v>162</v>
      </c>
    </row>
    <row r="177" spans="1:8" x14ac:dyDescent="0.25">
      <c r="A177" s="103"/>
      <c r="B177" s="103"/>
      <c r="C177" s="103"/>
      <c r="D177" s="110"/>
      <c r="E177" s="108"/>
      <c r="F177" s="1">
        <v>274</v>
      </c>
      <c r="G177" s="26" t="s">
        <v>158</v>
      </c>
      <c r="H177" s="7" t="s">
        <v>163</v>
      </c>
    </row>
    <row r="178" spans="1:8" x14ac:dyDescent="0.25">
      <c r="A178" s="103"/>
      <c r="B178" s="103"/>
      <c r="C178" s="103"/>
      <c r="D178" s="110"/>
      <c r="E178" s="108"/>
      <c r="F178" s="1">
        <v>275</v>
      </c>
      <c r="G178" s="26" t="s">
        <v>158</v>
      </c>
      <c r="H178" s="7" t="s">
        <v>164</v>
      </c>
    </row>
    <row r="179" spans="1:8" x14ac:dyDescent="0.25">
      <c r="A179" s="103"/>
      <c r="B179" s="103"/>
      <c r="C179" s="103"/>
      <c r="D179" s="110"/>
      <c r="E179" s="108"/>
      <c r="F179" s="1">
        <v>276</v>
      </c>
      <c r="G179" s="26" t="s">
        <v>158</v>
      </c>
      <c r="H179" s="7" t="s">
        <v>165</v>
      </c>
    </row>
    <row r="180" spans="1:8" x14ac:dyDescent="0.25">
      <c r="A180" s="103"/>
      <c r="B180" s="103"/>
      <c r="C180" s="103"/>
      <c r="D180" s="110"/>
      <c r="E180" s="108"/>
      <c r="F180" s="1">
        <v>2010</v>
      </c>
      <c r="G180" s="26" t="s">
        <v>166</v>
      </c>
      <c r="H180" s="7" t="s">
        <v>167</v>
      </c>
    </row>
    <row r="181" spans="1:8" x14ac:dyDescent="0.25">
      <c r="A181" s="103"/>
      <c r="B181" s="103"/>
      <c r="C181" s="103"/>
      <c r="D181" s="110"/>
      <c r="E181" s="108"/>
      <c r="F181" s="1">
        <v>2011</v>
      </c>
      <c r="G181" s="26" t="s">
        <v>166</v>
      </c>
      <c r="H181" s="7" t="s">
        <v>168</v>
      </c>
    </row>
    <row r="182" spans="1:8" x14ac:dyDescent="0.25">
      <c r="A182" s="103"/>
      <c r="B182" s="103"/>
      <c r="C182" s="103"/>
      <c r="D182" s="110"/>
      <c r="E182" s="108"/>
      <c r="F182" s="1">
        <v>2012</v>
      </c>
      <c r="G182" s="26" t="s">
        <v>166</v>
      </c>
      <c r="H182" s="7" t="s">
        <v>169</v>
      </c>
    </row>
    <row r="183" spans="1:8" x14ac:dyDescent="0.25">
      <c r="A183" s="103"/>
      <c r="B183" s="103"/>
      <c r="C183" s="103"/>
      <c r="D183" s="110"/>
      <c r="E183" s="108"/>
      <c r="F183" s="1">
        <v>2013</v>
      </c>
      <c r="G183" s="26" t="s">
        <v>166</v>
      </c>
      <c r="H183" s="7" t="s">
        <v>170</v>
      </c>
    </row>
    <row r="184" spans="1:8" x14ac:dyDescent="0.25">
      <c r="A184" s="103"/>
      <c r="B184" s="103"/>
      <c r="C184" s="103"/>
      <c r="D184" s="110"/>
      <c r="E184" s="108"/>
      <c r="F184" s="1">
        <v>2015</v>
      </c>
      <c r="G184" s="26" t="s">
        <v>166</v>
      </c>
      <c r="H184" s="7" t="s">
        <v>171</v>
      </c>
    </row>
    <row r="185" spans="1:8" x14ac:dyDescent="0.25">
      <c r="A185" s="103"/>
      <c r="B185" s="103"/>
      <c r="C185" s="103"/>
      <c r="D185" s="110"/>
      <c r="E185" s="108"/>
      <c r="F185" s="1">
        <v>2016</v>
      </c>
      <c r="G185" s="26" t="s">
        <v>166</v>
      </c>
      <c r="H185" s="7" t="s">
        <v>172</v>
      </c>
    </row>
    <row r="186" spans="1:8" x14ac:dyDescent="0.25">
      <c r="A186" s="103"/>
      <c r="B186" s="103"/>
      <c r="C186" s="103"/>
      <c r="D186" s="110"/>
      <c r="E186" s="108"/>
      <c r="F186" s="1">
        <v>2021</v>
      </c>
      <c r="G186" s="26" t="s">
        <v>166</v>
      </c>
      <c r="H186" s="7" t="s">
        <v>173</v>
      </c>
    </row>
    <row r="187" spans="1:8" x14ac:dyDescent="0.25">
      <c r="A187" s="103"/>
      <c r="B187" s="103"/>
      <c r="C187" s="103"/>
      <c r="D187" s="110"/>
      <c r="E187" s="108"/>
      <c r="F187" s="1">
        <v>2022</v>
      </c>
      <c r="G187" s="26" t="s">
        <v>166</v>
      </c>
      <c r="H187" s="7" t="s">
        <v>174</v>
      </c>
    </row>
    <row r="188" spans="1:8" x14ac:dyDescent="0.25">
      <c r="A188" s="103"/>
      <c r="B188" s="103"/>
      <c r="C188" s="103"/>
      <c r="D188" s="110"/>
      <c r="E188" s="108"/>
      <c r="F188" s="1">
        <v>2031</v>
      </c>
      <c r="G188" s="26" t="s">
        <v>166</v>
      </c>
      <c r="H188" s="7" t="s">
        <v>175</v>
      </c>
    </row>
    <row r="189" spans="1:8" x14ac:dyDescent="0.25">
      <c r="A189" s="103"/>
      <c r="B189" s="103"/>
      <c r="C189" s="103"/>
      <c r="D189" s="110"/>
      <c r="E189" s="108"/>
      <c r="F189" s="1">
        <v>2131</v>
      </c>
      <c r="G189" s="26" t="s">
        <v>176</v>
      </c>
      <c r="H189" s="7" t="s">
        <v>177</v>
      </c>
    </row>
    <row r="190" spans="1:8" x14ac:dyDescent="0.25">
      <c r="A190" s="103"/>
      <c r="B190" s="103"/>
      <c r="C190" s="103"/>
      <c r="D190" s="110"/>
      <c r="E190" s="108"/>
      <c r="F190" s="1">
        <v>2132</v>
      </c>
      <c r="G190" s="26" t="s">
        <v>176</v>
      </c>
      <c r="H190" s="7" t="s">
        <v>178</v>
      </c>
    </row>
    <row r="191" spans="1:8" x14ac:dyDescent="0.25">
      <c r="A191" s="103"/>
      <c r="B191" s="103"/>
      <c r="C191" s="103"/>
      <c r="D191" s="110"/>
      <c r="E191" s="108"/>
      <c r="F191" s="1">
        <v>2141</v>
      </c>
      <c r="G191" s="26" t="s">
        <v>176</v>
      </c>
      <c r="H191" s="7" t="s">
        <v>179</v>
      </c>
    </row>
    <row r="192" spans="1:8" x14ac:dyDescent="0.25">
      <c r="A192" s="103"/>
      <c r="B192" s="103"/>
      <c r="C192" s="103"/>
      <c r="D192" s="110"/>
      <c r="E192" s="108"/>
      <c r="F192" s="1">
        <v>2142</v>
      </c>
      <c r="G192" s="26" t="s">
        <v>176</v>
      </c>
      <c r="H192" s="7" t="s">
        <v>180</v>
      </c>
    </row>
    <row r="193" spans="1:8" x14ac:dyDescent="0.25">
      <c r="A193" s="103"/>
      <c r="B193" s="103"/>
      <c r="C193" s="103"/>
      <c r="D193" s="110"/>
      <c r="E193" s="108"/>
      <c r="F193" s="1">
        <v>2150</v>
      </c>
      <c r="G193" s="26" t="s">
        <v>176</v>
      </c>
      <c r="H193" s="7" t="s">
        <v>181</v>
      </c>
    </row>
    <row r="194" spans="1:8" x14ac:dyDescent="0.25">
      <c r="A194" s="103"/>
      <c r="B194" s="103"/>
      <c r="C194" s="103"/>
      <c r="D194" s="110"/>
      <c r="E194" s="108"/>
      <c r="F194" s="1">
        <v>2151</v>
      </c>
      <c r="G194" s="26" t="s">
        <v>176</v>
      </c>
      <c r="H194" s="7" t="s">
        <v>182</v>
      </c>
    </row>
    <row r="195" spans="1:8" x14ac:dyDescent="0.25">
      <c r="A195" s="103"/>
      <c r="B195" s="103"/>
      <c r="C195" s="103"/>
      <c r="D195" s="110"/>
      <c r="E195" s="108"/>
      <c r="F195" s="1">
        <v>2152</v>
      </c>
      <c r="G195" s="26" t="s">
        <v>176</v>
      </c>
      <c r="H195" s="7" t="s">
        <v>183</v>
      </c>
    </row>
    <row r="196" spans="1:8" x14ac:dyDescent="0.25">
      <c r="A196" s="103"/>
      <c r="B196" s="103"/>
      <c r="C196" s="103"/>
      <c r="D196" s="110"/>
      <c r="E196" s="108"/>
      <c r="F196" s="1">
        <v>2210</v>
      </c>
      <c r="G196" s="26" t="s">
        <v>184</v>
      </c>
      <c r="H196" s="7" t="s">
        <v>185</v>
      </c>
    </row>
    <row r="197" spans="1:8" x14ac:dyDescent="0.25">
      <c r="A197" s="103"/>
      <c r="B197" s="103"/>
      <c r="C197" s="103"/>
      <c r="D197" s="110"/>
      <c r="E197" s="108"/>
      <c r="F197" s="1">
        <v>2211</v>
      </c>
      <c r="G197" s="26" t="s">
        <v>184</v>
      </c>
      <c r="H197" s="7" t="s">
        <v>186</v>
      </c>
    </row>
    <row r="198" spans="1:8" x14ac:dyDescent="0.25">
      <c r="A198" s="103"/>
      <c r="B198" s="103"/>
      <c r="C198" s="103"/>
      <c r="D198" s="110"/>
      <c r="E198" s="108"/>
      <c r="F198" s="1">
        <v>2221</v>
      </c>
      <c r="G198" s="26" t="s">
        <v>184</v>
      </c>
      <c r="H198" s="7" t="s">
        <v>187</v>
      </c>
    </row>
    <row r="199" spans="1:8" x14ac:dyDescent="0.25">
      <c r="A199" s="103"/>
      <c r="B199" s="103"/>
      <c r="C199" s="103"/>
      <c r="D199" s="110"/>
      <c r="E199" s="108"/>
      <c r="F199" s="1">
        <v>2231</v>
      </c>
      <c r="G199" s="26" t="s">
        <v>184</v>
      </c>
      <c r="H199" s="7" t="s">
        <v>188</v>
      </c>
    </row>
    <row r="200" spans="1:8" x14ac:dyDescent="0.25">
      <c r="A200" s="103"/>
      <c r="B200" s="103"/>
      <c r="C200" s="103"/>
      <c r="D200" s="110"/>
      <c r="E200" s="108"/>
      <c r="F200" s="1">
        <v>2232</v>
      </c>
      <c r="G200" s="26" t="s">
        <v>184</v>
      </c>
      <c r="H200" s="7" t="s">
        <v>189</v>
      </c>
    </row>
    <row r="201" spans="1:8" x14ac:dyDescent="0.25">
      <c r="A201" s="103"/>
      <c r="B201" s="103"/>
      <c r="C201" s="103"/>
      <c r="D201" s="110"/>
      <c r="E201" s="108"/>
      <c r="F201" s="1">
        <v>2233</v>
      </c>
      <c r="G201" s="26" t="s">
        <v>184</v>
      </c>
      <c r="H201" s="7" t="s">
        <v>190</v>
      </c>
    </row>
    <row r="202" spans="1:8" x14ac:dyDescent="0.25">
      <c r="A202" s="103"/>
      <c r="B202" s="103"/>
      <c r="C202" s="103"/>
      <c r="D202" s="110"/>
      <c r="E202" s="108"/>
      <c r="F202" s="1">
        <v>2241</v>
      </c>
      <c r="G202" s="26" t="s">
        <v>184</v>
      </c>
      <c r="H202" s="7" t="s">
        <v>191</v>
      </c>
    </row>
    <row r="203" spans="1:8" x14ac:dyDescent="0.25">
      <c r="A203" s="103"/>
      <c r="B203" s="103"/>
      <c r="C203" s="103"/>
      <c r="D203" s="110"/>
      <c r="E203" s="108"/>
      <c r="F203" s="1">
        <v>2242</v>
      </c>
      <c r="G203" s="26" t="s">
        <v>184</v>
      </c>
      <c r="H203" s="7" t="s">
        <v>192</v>
      </c>
    </row>
    <row r="204" spans="1:8" x14ac:dyDescent="0.25">
      <c r="A204" s="103"/>
      <c r="B204" s="103"/>
      <c r="C204" s="103"/>
      <c r="D204" s="110"/>
      <c r="E204" s="108"/>
      <c r="F204" s="1">
        <v>2243</v>
      </c>
      <c r="G204" s="26" t="s">
        <v>184</v>
      </c>
      <c r="H204" s="7" t="s">
        <v>193</v>
      </c>
    </row>
    <row r="205" spans="1:8" x14ac:dyDescent="0.25">
      <c r="A205" s="103"/>
      <c r="B205" s="103"/>
      <c r="C205" s="103"/>
      <c r="D205" s="110"/>
      <c r="E205" s="108"/>
      <c r="F205" s="1">
        <v>2251</v>
      </c>
      <c r="G205" s="26" t="s">
        <v>184</v>
      </c>
      <c r="H205" s="7" t="s">
        <v>194</v>
      </c>
    </row>
    <row r="206" spans="1:8" x14ac:dyDescent="0.25">
      <c r="A206" s="103"/>
      <c r="B206" s="103"/>
      <c r="C206" s="103"/>
      <c r="D206" s="110"/>
      <c r="E206" s="108"/>
      <c r="F206" s="1">
        <v>2252</v>
      </c>
      <c r="G206" s="26" t="s">
        <v>184</v>
      </c>
      <c r="H206" s="7" t="s">
        <v>195</v>
      </c>
    </row>
    <row r="207" spans="1:8" x14ac:dyDescent="0.25">
      <c r="A207" s="103"/>
      <c r="B207" s="103"/>
      <c r="C207" s="103"/>
      <c r="D207" s="110"/>
      <c r="E207" s="108"/>
      <c r="F207" s="1">
        <v>2253</v>
      </c>
      <c r="G207" s="26" t="s">
        <v>184</v>
      </c>
      <c r="H207" s="7" t="s">
        <v>196</v>
      </c>
    </row>
    <row r="208" spans="1:8" x14ac:dyDescent="0.25">
      <c r="A208" s="103"/>
      <c r="B208" s="103"/>
      <c r="C208" s="103"/>
      <c r="D208" s="110"/>
      <c r="E208" s="108"/>
      <c r="F208" s="1">
        <v>2261</v>
      </c>
      <c r="G208" s="26" t="s">
        <v>184</v>
      </c>
      <c r="H208" s="7" t="s">
        <v>197</v>
      </c>
    </row>
    <row r="209" spans="1:8" x14ac:dyDescent="0.25">
      <c r="A209" s="103"/>
      <c r="B209" s="103"/>
      <c r="C209" s="103"/>
      <c r="D209" s="110"/>
      <c r="E209" s="108"/>
      <c r="F209" s="1">
        <v>2262</v>
      </c>
      <c r="G209" s="26" t="s">
        <v>184</v>
      </c>
      <c r="H209" s="7" t="s">
        <v>198</v>
      </c>
    </row>
    <row r="210" spans="1:8" x14ac:dyDescent="0.25">
      <c r="A210" s="103"/>
      <c r="B210" s="103"/>
      <c r="C210" s="103"/>
      <c r="D210" s="110"/>
      <c r="E210" s="108"/>
      <c r="F210" s="1">
        <v>2263</v>
      </c>
      <c r="G210" s="26" t="s">
        <v>184</v>
      </c>
      <c r="H210" s="7" t="s">
        <v>199</v>
      </c>
    </row>
    <row r="211" spans="1:8" x14ac:dyDescent="0.25">
      <c r="A211" s="103"/>
      <c r="B211" s="103"/>
      <c r="C211" s="103"/>
      <c r="D211" s="110"/>
      <c r="E211" s="108"/>
      <c r="F211" s="1">
        <v>2270</v>
      </c>
      <c r="G211" s="26" t="s">
        <v>200</v>
      </c>
      <c r="H211" s="7" t="s">
        <v>201</v>
      </c>
    </row>
    <row r="212" spans="1:8" x14ac:dyDescent="0.25">
      <c r="A212" s="103"/>
      <c r="B212" s="103"/>
      <c r="C212" s="103"/>
      <c r="D212" s="110"/>
      <c r="E212" s="108"/>
      <c r="F212" s="1">
        <v>2271</v>
      </c>
      <c r="G212" s="26" t="s">
        <v>200</v>
      </c>
      <c r="H212" s="7" t="s">
        <v>202</v>
      </c>
    </row>
    <row r="213" spans="1:8" x14ac:dyDescent="0.25">
      <c r="A213" s="103"/>
      <c r="B213" s="103"/>
      <c r="C213" s="103"/>
      <c r="D213" s="110"/>
      <c r="E213" s="108"/>
      <c r="F213" s="1">
        <v>2272</v>
      </c>
      <c r="G213" s="26" t="s">
        <v>200</v>
      </c>
      <c r="H213" s="7" t="s">
        <v>203</v>
      </c>
    </row>
    <row r="214" spans="1:8" x14ac:dyDescent="0.25">
      <c r="A214" s="103"/>
      <c r="B214" s="103"/>
      <c r="C214" s="103"/>
      <c r="D214" s="110"/>
      <c r="E214" s="108"/>
      <c r="F214" s="1">
        <v>2273</v>
      </c>
      <c r="G214" s="26" t="s">
        <v>200</v>
      </c>
      <c r="H214" s="7" t="s">
        <v>204</v>
      </c>
    </row>
    <row r="215" spans="1:8" x14ac:dyDescent="0.25">
      <c r="A215" s="103"/>
      <c r="B215" s="103"/>
      <c r="C215" s="103"/>
      <c r="D215" s="110"/>
      <c r="E215" s="108"/>
      <c r="F215" s="1">
        <v>2274</v>
      </c>
      <c r="G215" s="26" t="s">
        <v>200</v>
      </c>
      <c r="H215" s="7" t="s">
        <v>205</v>
      </c>
    </row>
    <row r="216" spans="1:8" x14ac:dyDescent="0.25">
      <c r="A216" s="103"/>
      <c r="B216" s="103"/>
      <c r="C216" s="103"/>
      <c r="D216" s="110"/>
      <c r="E216" s="108"/>
      <c r="F216" s="1">
        <v>2275</v>
      </c>
      <c r="G216" s="26" t="s">
        <v>200</v>
      </c>
      <c r="H216" s="7" t="s">
        <v>206</v>
      </c>
    </row>
    <row r="217" spans="1:8" x14ac:dyDescent="0.25">
      <c r="A217" s="103"/>
      <c r="B217" s="103"/>
      <c r="C217" s="103"/>
      <c r="D217" s="110"/>
      <c r="E217" s="108"/>
      <c r="F217" s="1">
        <v>2276</v>
      </c>
      <c r="G217" s="26" t="s">
        <v>200</v>
      </c>
      <c r="H217" s="7" t="s">
        <v>207</v>
      </c>
    </row>
    <row r="218" spans="1:8" x14ac:dyDescent="0.25">
      <c r="A218" s="103"/>
      <c r="B218" s="103"/>
      <c r="C218" s="103"/>
      <c r="D218" s="110"/>
      <c r="E218" s="108"/>
      <c r="F218" s="1">
        <v>2281</v>
      </c>
      <c r="G218" s="26" t="s">
        <v>200</v>
      </c>
      <c r="H218" s="7" t="s">
        <v>208</v>
      </c>
    </row>
    <row r="219" spans="1:8" x14ac:dyDescent="0.25">
      <c r="A219" s="103"/>
      <c r="B219" s="103"/>
      <c r="C219" s="103"/>
      <c r="D219" s="110"/>
      <c r="E219" s="108"/>
      <c r="F219" s="1">
        <v>2282</v>
      </c>
      <c r="G219" s="26" t="s">
        <v>200</v>
      </c>
      <c r="H219" s="7" t="s">
        <v>209</v>
      </c>
    </row>
    <row r="220" spans="1:8" x14ac:dyDescent="0.25">
      <c r="A220" s="103"/>
      <c r="B220" s="103"/>
      <c r="C220" s="103"/>
      <c r="D220" s="110"/>
      <c r="E220" s="108"/>
      <c r="F220" s="1">
        <v>2283</v>
      </c>
      <c r="G220" s="26" t="s">
        <v>200</v>
      </c>
      <c r="H220" s="7" t="s">
        <v>210</v>
      </c>
    </row>
    <row r="221" spans="1:8" x14ac:dyDescent="0.25">
      <c r="A221" s="103"/>
      <c r="B221" s="103"/>
      <c r="C221" s="103"/>
      <c r="D221" s="110"/>
      <c r="E221" s="108"/>
      <c r="F221" s="1">
        <v>2284</v>
      </c>
      <c r="G221" s="26" t="s">
        <v>200</v>
      </c>
      <c r="H221" s="7" t="s">
        <v>211</v>
      </c>
    </row>
    <row r="222" spans="1:8" x14ac:dyDescent="0.25">
      <c r="A222" s="103"/>
      <c r="B222" s="103"/>
      <c r="C222" s="103"/>
      <c r="D222" s="110"/>
      <c r="E222" s="108"/>
      <c r="F222" s="1">
        <v>2285</v>
      </c>
      <c r="G222" s="26" t="s">
        <v>200</v>
      </c>
      <c r="H222" s="7" t="s">
        <v>212</v>
      </c>
    </row>
    <row r="223" spans="1:8" x14ac:dyDescent="0.25">
      <c r="A223" s="104"/>
      <c r="B223" s="104"/>
      <c r="C223" s="104"/>
      <c r="D223" s="110"/>
      <c r="E223" s="108"/>
      <c r="F223" s="1">
        <v>2286</v>
      </c>
      <c r="G223" s="26" t="s">
        <v>200</v>
      </c>
      <c r="H223" s="7" t="s">
        <v>213</v>
      </c>
    </row>
    <row r="224" spans="1:8" s="20" customFormat="1" x14ac:dyDescent="0.25">
      <c r="A224" s="59" t="s">
        <v>359</v>
      </c>
      <c r="B224" s="59" t="s">
        <v>214</v>
      </c>
      <c r="C224" s="63" t="s">
        <v>215</v>
      </c>
      <c r="D224" s="68" t="s">
        <v>394</v>
      </c>
      <c r="E224" s="41" t="s">
        <v>397</v>
      </c>
      <c r="F224" s="3">
        <v>133</v>
      </c>
      <c r="G224" s="55" t="s">
        <v>10</v>
      </c>
      <c r="H224" s="9" t="s">
        <v>29</v>
      </c>
    </row>
    <row r="225" spans="1:8" x14ac:dyDescent="0.25">
      <c r="A225" s="105" t="s">
        <v>359</v>
      </c>
      <c r="B225" s="102" t="s">
        <v>214</v>
      </c>
      <c r="C225" s="102" t="s">
        <v>215</v>
      </c>
      <c r="D225" s="99" t="s">
        <v>221</v>
      </c>
      <c r="E225" s="96" t="s">
        <v>400</v>
      </c>
      <c r="F225" s="3">
        <v>131</v>
      </c>
      <c r="G225" s="55" t="s">
        <v>10</v>
      </c>
      <c r="H225" s="9" t="s">
        <v>27</v>
      </c>
    </row>
    <row r="226" spans="1:8" x14ac:dyDescent="0.25">
      <c r="A226" s="106"/>
      <c r="B226" s="103"/>
      <c r="C226" s="103"/>
      <c r="D226" s="100"/>
      <c r="E226" s="97"/>
      <c r="F226" s="3">
        <v>134</v>
      </c>
      <c r="G226" s="55" t="s">
        <v>10</v>
      </c>
      <c r="H226" s="9" t="s">
        <v>119</v>
      </c>
    </row>
    <row r="227" spans="1:8" s="20" customFormat="1" x14ac:dyDescent="0.25">
      <c r="A227" s="106"/>
      <c r="B227" s="103"/>
      <c r="C227" s="103"/>
      <c r="D227" s="100"/>
      <c r="E227" s="97"/>
      <c r="F227" s="3">
        <v>139</v>
      </c>
      <c r="G227" s="55" t="s">
        <v>10</v>
      </c>
      <c r="H227" s="9" t="s">
        <v>31</v>
      </c>
    </row>
    <row r="228" spans="1:8" s="20" customFormat="1" x14ac:dyDescent="0.25">
      <c r="A228" s="107"/>
      <c r="B228" s="104"/>
      <c r="C228" s="104"/>
      <c r="D228" s="101"/>
      <c r="E228" s="98"/>
      <c r="F228" s="3">
        <v>140</v>
      </c>
      <c r="G228" s="55" t="s">
        <v>10</v>
      </c>
      <c r="H228" s="9" t="s">
        <v>32</v>
      </c>
    </row>
    <row r="229" spans="1:8" x14ac:dyDescent="0.25">
      <c r="A229" s="3" t="s">
        <v>359</v>
      </c>
      <c r="B229" s="3" t="s">
        <v>214</v>
      </c>
      <c r="C229" s="3" t="s">
        <v>215</v>
      </c>
      <c r="D229" s="8" t="s">
        <v>226</v>
      </c>
      <c r="E229" s="1" t="s">
        <v>45</v>
      </c>
      <c r="F229" s="1">
        <v>153</v>
      </c>
      <c r="G229" s="26" t="s">
        <v>14</v>
      </c>
      <c r="H229" s="7" t="s">
        <v>34</v>
      </c>
    </row>
    <row r="230" spans="1:8" x14ac:dyDescent="0.25">
      <c r="A230" s="102" t="s">
        <v>359</v>
      </c>
      <c r="B230" s="102" t="s">
        <v>214</v>
      </c>
      <c r="C230" s="102" t="s">
        <v>215</v>
      </c>
      <c r="D230" s="102" t="s">
        <v>224</v>
      </c>
      <c r="E230" s="96" t="s">
        <v>43</v>
      </c>
      <c r="F230" s="1">
        <v>151</v>
      </c>
      <c r="G230" s="26" t="s">
        <v>14</v>
      </c>
      <c r="H230" s="7" t="s">
        <v>14</v>
      </c>
    </row>
    <row r="231" spans="1:8" x14ac:dyDescent="0.25">
      <c r="A231" s="103"/>
      <c r="B231" s="103"/>
      <c r="C231" s="103"/>
      <c r="D231" s="103"/>
      <c r="E231" s="97"/>
      <c r="F231" s="1">
        <v>154</v>
      </c>
      <c r="G231" s="26" t="s">
        <v>14</v>
      </c>
      <c r="H231" s="9" t="s">
        <v>122</v>
      </c>
    </row>
    <row r="232" spans="1:8" x14ac:dyDescent="0.25">
      <c r="A232" s="103"/>
      <c r="B232" s="103"/>
      <c r="C232" s="103"/>
      <c r="D232" s="103"/>
      <c r="E232" s="97"/>
      <c r="F232" s="1">
        <v>155</v>
      </c>
      <c r="G232" s="26" t="s">
        <v>14</v>
      </c>
      <c r="H232" s="9" t="s">
        <v>123</v>
      </c>
    </row>
    <row r="233" spans="1:8" x14ac:dyDescent="0.25">
      <c r="A233" s="103"/>
      <c r="B233" s="103"/>
      <c r="C233" s="103"/>
      <c r="D233" s="103"/>
      <c r="E233" s="97"/>
      <c r="F233" s="1">
        <v>156</v>
      </c>
      <c r="G233" s="26" t="s">
        <v>14</v>
      </c>
      <c r="H233" s="7" t="s">
        <v>17</v>
      </c>
    </row>
    <row r="234" spans="1:8" x14ac:dyDescent="0.25">
      <c r="A234" s="104"/>
      <c r="B234" s="104"/>
      <c r="C234" s="104"/>
      <c r="D234" s="104"/>
      <c r="E234" s="98"/>
      <c r="F234" s="1">
        <v>157</v>
      </c>
      <c r="G234" s="26" t="s">
        <v>14</v>
      </c>
      <c r="H234" s="7" t="s">
        <v>35</v>
      </c>
    </row>
    <row r="235" spans="1:8" x14ac:dyDescent="0.25">
      <c r="A235" s="112" t="s">
        <v>359</v>
      </c>
      <c r="B235" s="112" t="s">
        <v>214</v>
      </c>
      <c r="C235" s="112" t="s">
        <v>215</v>
      </c>
      <c r="D235" s="108" t="s">
        <v>223</v>
      </c>
      <c r="E235" s="109" t="s">
        <v>42</v>
      </c>
      <c r="F235" s="1">
        <v>137</v>
      </c>
      <c r="G235" s="26" t="s">
        <v>10</v>
      </c>
      <c r="H235" s="7" t="s">
        <v>30</v>
      </c>
    </row>
    <row r="236" spans="1:8" x14ac:dyDescent="0.25">
      <c r="A236" s="104"/>
      <c r="B236" s="104"/>
      <c r="C236" s="104"/>
      <c r="D236" s="101"/>
      <c r="E236" s="114"/>
      <c r="F236" s="1">
        <v>138</v>
      </c>
      <c r="G236" s="26" t="s">
        <v>10</v>
      </c>
      <c r="H236" s="9" t="s">
        <v>121</v>
      </c>
    </row>
  </sheetData>
  <autoFilter ref="A2:H236"/>
  <mergeCells count="106">
    <mergeCell ref="D7:D10"/>
    <mergeCell ref="E7:E10"/>
    <mergeCell ref="C7:C10"/>
    <mergeCell ref="B7:B10"/>
    <mergeCell ref="A7:A10"/>
    <mergeCell ref="E235:E236"/>
    <mergeCell ref="D235:D236"/>
    <mergeCell ref="C235:C236"/>
    <mergeCell ref="B235:B236"/>
    <mergeCell ref="A235:A236"/>
    <mergeCell ref="D230:D234"/>
    <mergeCell ref="E230:E234"/>
    <mergeCell ref="A230:A234"/>
    <mergeCell ref="B230:B234"/>
    <mergeCell ref="C230:C234"/>
    <mergeCell ref="C127:C129"/>
    <mergeCell ref="B127:B129"/>
    <mergeCell ref="A127:A129"/>
    <mergeCell ref="C122:C124"/>
    <mergeCell ref="B122:B124"/>
    <mergeCell ref="A122:A124"/>
    <mergeCell ref="C125:C126"/>
    <mergeCell ref="B125:B126"/>
    <mergeCell ref="A125:A126"/>
    <mergeCell ref="C114:C116"/>
    <mergeCell ref="B114:B116"/>
    <mergeCell ref="A114:A116"/>
    <mergeCell ref="C117:C119"/>
    <mergeCell ref="B117:B119"/>
    <mergeCell ref="A117:A119"/>
    <mergeCell ref="C107:C108"/>
    <mergeCell ref="B107:B108"/>
    <mergeCell ref="A107:A108"/>
    <mergeCell ref="C112:C113"/>
    <mergeCell ref="B112:B113"/>
    <mergeCell ref="A112:A113"/>
    <mergeCell ref="E27:E106"/>
    <mergeCell ref="D27:D106"/>
    <mergeCell ref="C27:C106"/>
    <mergeCell ref="B27:B106"/>
    <mergeCell ref="A27:A106"/>
    <mergeCell ref="C14:C18"/>
    <mergeCell ref="B14:B18"/>
    <mergeCell ref="A14:A18"/>
    <mergeCell ref="C20:C21"/>
    <mergeCell ref="B20:B21"/>
    <mergeCell ref="A20:A21"/>
    <mergeCell ref="A22:A25"/>
    <mergeCell ref="B22:B25"/>
    <mergeCell ref="C22:C25"/>
    <mergeCell ref="D22:D25"/>
    <mergeCell ref="E22:E25"/>
    <mergeCell ref="A1:H1"/>
    <mergeCell ref="E125:E126"/>
    <mergeCell ref="E127:E129"/>
    <mergeCell ref="D112:D113"/>
    <mergeCell ref="D114:D116"/>
    <mergeCell ref="D117:D119"/>
    <mergeCell ref="D122:D124"/>
    <mergeCell ref="D125:D126"/>
    <mergeCell ref="D127:D129"/>
    <mergeCell ref="E112:E113"/>
    <mergeCell ref="E114:E116"/>
    <mergeCell ref="E117:E119"/>
    <mergeCell ref="D107:D108"/>
    <mergeCell ref="E107:E108"/>
    <mergeCell ref="D14:D18"/>
    <mergeCell ref="E14:E18"/>
    <mergeCell ref="D20:D21"/>
    <mergeCell ref="E20:E21"/>
    <mergeCell ref="E122:E124"/>
    <mergeCell ref="E11:E12"/>
    <mergeCell ref="D11:D12"/>
    <mergeCell ref="C11:C12"/>
    <mergeCell ref="B11:B12"/>
    <mergeCell ref="A11:A12"/>
    <mergeCell ref="E135:E136"/>
    <mergeCell ref="D135:D136"/>
    <mergeCell ref="C135:C136"/>
    <mergeCell ref="B135:B136"/>
    <mergeCell ref="A135:A136"/>
    <mergeCell ref="A142:A143"/>
    <mergeCell ref="B142:B143"/>
    <mergeCell ref="C142:C143"/>
    <mergeCell ref="D142:D143"/>
    <mergeCell ref="E142:E143"/>
    <mergeCell ref="A137:A138"/>
    <mergeCell ref="B137:B138"/>
    <mergeCell ref="C137:C138"/>
    <mergeCell ref="D137:D138"/>
    <mergeCell ref="E137:E138"/>
    <mergeCell ref="E225:E228"/>
    <mergeCell ref="D225:D228"/>
    <mergeCell ref="C225:C228"/>
    <mergeCell ref="B225:B228"/>
    <mergeCell ref="A225:A228"/>
    <mergeCell ref="D139:D140"/>
    <mergeCell ref="E139:E140"/>
    <mergeCell ref="D144:D223"/>
    <mergeCell ref="E144:E223"/>
    <mergeCell ref="C139:C140"/>
    <mergeCell ref="B139:B140"/>
    <mergeCell ref="A139:A140"/>
    <mergeCell ref="C144:C223"/>
    <mergeCell ref="B144:B223"/>
    <mergeCell ref="A144:A223"/>
  </mergeCells>
  <hyperlinks>
    <hyperlink ref="G3" r:id="rId1" location="Exposure_Data/Masonry_Construction.htm"/>
    <hyperlink ref="G25" r:id="rId2" location="Exposure_Data/Masonry_Construction.htm"/>
    <hyperlink ref="G23" r:id="rId3" location="Exposure_Data/Masonry_Construction.htm"/>
    <hyperlink ref="G24" r:id="rId4" location="Exposure_Data/Masonry_Construction.htm"/>
    <hyperlink ref="G109" r:id="rId5" location="Exposure_Data/Masonry_Construction.htm"/>
    <hyperlink ref="G122" r:id="rId6" location="Exposure_Data/Masonry_Construction.htm"/>
    <hyperlink ref="G123" r:id="rId7" location="Exposure_Data/Masonry_Construction.htm"/>
    <hyperlink ref="G124" r:id="rId8" location="Exposure_Data/Masonry_Construction.htm"/>
    <hyperlink ref="G125" r:id="rId9" location="Exposure_Data/Masonry_Construction.htm"/>
    <hyperlink ref="G126" r:id="rId10" location="Exposure_Data/Masonry_Construction.htm"/>
    <hyperlink ref="G133" r:id="rId11" location="Exposure_Data/Masonry_Construction.htm"/>
    <hyperlink ref="G134" r:id="rId12" location="Exposure_Data/Masonry_Construction.htm"/>
    <hyperlink ref="G142" r:id="rId13" location="Exposure_Data/Masonry_Construction.htm"/>
    <hyperlink ref="G143" r:id="rId14" location="Exposure_Data/Masonry_Construction.htm"/>
    <hyperlink ref="G141" r:id="rId15" location="Exposure_Data/Masonry_Construction.htm"/>
    <hyperlink ref="G4" r:id="rId16" location="Exposure_Data/Steel_Construction.htm"/>
    <hyperlink ref="G14" r:id="rId17" location="Exposure_Data/Steel_Construction.htm"/>
    <hyperlink ref="G15" r:id="rId18" location="Exposure_Data/Steel_Construction.htm"/>
    <hyperlink ref="G16" r:id="rId19" location="Exposure_Data/Steel_Construction.htm"/>
    <hyperlink ref="G17" r:id="rId20" location="Exposure_Data/Steel_Construction.htm"/>
    <hyperlink ref="G18" r:id="rId21" location="Exposure_Data/Steel_Construction.htm"/>
    <hyperlink ref="G19" r:id="rId22" location="Exposure_Data/Steel_Construction.htm"/>
    <hyperlink ref="G20" r:id="rId23" location="Exposure_Data/Steel_Construction.htm"/>
    <hyperlink ref="G21" r:id="rId24" location="Exposure_Data/Steel_Construction.htm"/>
    <hyperlink ref="G110" r:id="rId25" location="Exposure_Data/Steel_Construction.htm"/>
    <hyperlink ref="G117" r:id="rId26" location="Exposure_Data/Steel_Construction.htm"/>
    <hyperlink ref="G118" r:id="rId27" location="Exposure_Data/Steel_Construction.htm"/>
    <hyperlink ref="G119" r:id="rId28" location="Exposure_Data/Steel_Construction.htm"/>
    <hyperlink ref="G120" r:id="rId29" location="Exposure_Data/Steel_Construction.htm"/>
    <hyperlink ref="G121" r:id="rId30" location="Exposure_Data/Steel_Construction.htm"/>
    <hyperlink ref="G131" r:id="rId31" location="Exposure_Data/Steel_Construction.htm"/>
    <hyperlink ref="G139" r:id="rId32" location="Exposure_Data/Steel_Construction.htm"/>
    <hyperlink ref="G140" r:id="rId33" location="Exposure_Data/Steel_Construction.htm"/>
    <hyperlink ref="G229" r:id="rId34" location="Exposure_Data/Steel_Construction.htm"/>
    <hyperlink ref="G230" r:id="rId35" location="Exposure_Data/Steel_Construction.htm"/>
    <hyperlink ref="G231" r:id="rId36" location="Exposure_Data/Steel_Construction.htm"/>
    <hyperlink ref="G232" r:id="rId37" location="Exposure_Data/Steel_Construction.htm"/>
    <hyperlink ref="G233" r:id="rId38" location="Exposure_Data/Steel_Construction.htm"/>
    <hyperlink ref="G234" r:id="rId39" location="Exposure_Data/Steel_Construction.htm"/>
    <hyperlink ref="G5" r:id="rId40" location="Exposure_Data/Wood_Construction.htm"/>
    <hyperlink ref="G111" r:id="rId41" location="Exposure_Data/Wood_Construction.htm"/>
    <hyperlink ref="G132" r:id="rId42" location="Exposure_Data/Wood_Construction.htm"/>
    <hyperlink ref="G236" r:id="rId43" location="Exposure_Data/Concrete_Construction.htm"/>
    <hyperlink ref="G235" r:id="rId44" location="Exposure_Data/Concrete_Construction.htm"/>
    <hyperlink ref="G225" r:id="rId45" location="Exposure_Data/Concrete_Construction.htm"/>
    <hyperlink ref="G137" r:id="rId46" location="Exposure_Data/Concrete_Construction.htm"/>
    <hyperlink ref="G130" r:id="rId47" location="Exposure_Data/Concrete_Construction.htm"/>
    <hyperlink ref="G112" r:id="rId48" location="Exposure_Data/Concrete_Construction.htm"/>
    <hyperlink ref="G113" r:id="rId49" location="Exposure_Data/Concrete_Construction.htm"/>
    <hyperlink ref="G114" r:id="rId50" location="Exposure_Data/Concrete_Construction.htm"/>
    <hyperlink ref="G115" r:id="rId51" location="Exposure_Data/Concrete_Construction.htm"/>
    <hyperlink ref="G116" r:id="rId52" location="Exposure_Data/Concrete_Construction.htm"/>
    <hyperlink ref="G107" r:id="rId53" location="Exposure_Data/Concrete_Construction.htm"/>
    <hyperlink ref="G108" r:id="rId54" location="Exposure_Data/Concrete_Construction.htm"/>
    <hyperlink ref="G7" r:id="rId55" location="Exposure_Data/Concrete_Construction.htm"/>
    <hyperlink ref="G10" r:id="rId56" location="Exposure_Data/Concrete_Construction.htm"/>
    <hyperlink ref="G11" r:id="rId57" location="Exposure_Data/Concrete_Construction.htm"/>
    <hyperlink ref="G12" r:id="rId58" location="Exposure_Data/Concrete_Construction.htm"/>
    <hyperlink ref="G9" r:id="rId59" location="Exposure_Data/Concrete_Construction.htm"/>
    <hyperlink ref="G22" r:id="rId60" location="Exposure_Data/Unknown_Construction.htm"/>
    <hyperlink ref="G127" r:id="rId61" location="Exposure_Data/Unknown_Construction.htm"/>
    <hyperlink ref="G27" r:id="rId62" location="Exposure_Data/Pavement_Construction.htm"/>
    <hyperlink ref="G28" r:id="rId63" location="Exposure_Data/Pavement_Construction.htm"/>
    <hyperlink ref="G29" r:id="rId64" location="Exposure_Data/Pavement_Construction.htm"/>
    <hyperlink ref="G144" r:id="rId65" location="Exposure_Data/Pavement_Construction.htm"/>
    <hyperlink ref="G145" r:id="rId66" location="Exposure_Data/Pavement_Construction.htm"/>
    <hyperlink ref="G146" r:id="rId67" location="Exposure_Data/Pavement_Construction.htm"/>
    <hyperlink ref="G30" r:id="rId68" location="Exposure_Data/Dam_Construction.htm"/>
    <hyperlink ref="G31" r:id="rId69" location="Exposure_Data/Dam_Construction.htm"/>
    <hyperlink ref="G147" r:id="rId70" location="Exposure_Data/Dam_Construction.htm"/>
    <hyperlink ref="G148" r:id="rId71" location="Exposure_Data/Dam_Construction.htm"/>
    <hyperlink ref="G211" r:id="rId72" location="Exposure_Data/Pipeline_Construction.htm"/>
    <hyperlink ref="G212" r:id="rId73" location="Exposure_Data/Pipeline_Construction.htm"/>
    <hyperlink ref="G213" r:id="rId74" location="Exposure_Data/Pipeline_Construction.htm"/>
    <hyperlink ref="G214" r:id="rId75" location="Exposure_Data/Pipeline_Construction.htm"/>
    <hyperlink ref="G215" r:id="rId76" location="Exposure_Data/Pipeline_Construction.htm"/>
    <hyperlink ref="G216" r:id="rId77" location="Exposure_Data/Pipeline_Construction.htm"/>
    <hyperlink ref="G217" r:id="rId78" location="Exposure_Data/Pipeline_Construction.htm"/>
    <hyperlink ref="G218" r:id="rId79" location="Exposure_Data/Pipeline_Construction.htm"/>
    <hyperlink ref="G219" r:id="rId80" location="Exposure_Data/Pipeline_Construction.htm"/>
    <hyperlink ref="G220" r:id="rId81" location="Exposure_Data/Pipeline_Construction.htm"/>
    <hyperlink ref="G221" r:id="rId82" location="Exposure_Data/Pipeline_Construction.htm"/>
    <hyperlink ref="G222" r:id="rId83" location="Exposure_Data/Pipeline_Construction.htm"/>
    <hyperlink ref="G223" r:id="rId84" location="Exposure_Data/Pipeline_Construction.htm"/>
    <hyperlink ref="G94" r:id="rId85" location="Exposure_Data/Pipeline_Construction.htm"/>
    <hyperlink ref="G95" r:id="rId86" location="Exposure_Data/Pipeline_Construction.htm"/>
    <hyperlink ref="G96" r:id="rId87" location="Exposure_Data/Pipeline_Construction.htm"/>
    <hyperlink ref="G97" r:id="rId88" location="Exposure_Data/Pipeline_Construction.htm"/>
    <hyperlink ref="G98" r:id="rId89" location="Exposure_Data/Pipeline_Construction.htm"/>
    <hyperlink ref="G99" r:id="rId90" location="Exposure_Data/Pipeline_Construction.htm"/>
    <hyperlink ref="G100" r:id="rId91" location="Exposure_Data/Pipeline_Construction.htm"/>
    <hyperlink ref="G101" r:id="rId92" location="Exposure_Data/Pipeline_Construction.htm"/>
    <hyperlink ref="G102" r:id="rId93" location="Exposure_Data/Pipeline_Construction.htm"/>
    <hyperlink ref="G103" r:id="rId94" location="Exposure_Data/Pipeline_Construction.htm"/>
    <hyperlink ref="G104" r:id="rId95" location="Exposure_Data/Pipeline_Construction.htm"/>
    <hyperlink ref="G105" r:id="rId96" location="Exposure_Data/Pipeline_Construction.htm"/>
    <hyperlink ref="G106" r:id="rId97" location="Exposure_Data/Pipeline_Construction.htm"/>
    <hyperlink ref="G135" r:id="rId98" location="Exposure_Data/Unknown_Construction.htm"/>
    <hyperlink ref="G196" r:id="rId99" location="Exposure_Data/Storage_Tank_Construction.htm"/>
    <hyperlink ref="G197" r:id="rId100" location="Exposure_Data/Storage_Tank_Construction.htm"/>
    <hyperlink ref="G198" r:id="rId101" location="Exposure_Data/Storage_Tank_Construction.htm"/>
    <hyperlink ref="G199" r:id="rId102" location="Exposure_Data/Storage_Tank_Construction.htm"/>
    <hyperlink ref="G200" r:id="rId103" location="Exposure_Data/Storage_Tank_Construction.htm"/>
    <hyperlink ref="G201" r:id="rId104" location="Exposure_Data/Storage_Tank_Construction.htm"/>
    <hyperlink ref="G202" r:id="rId105" location="Exposure_Data/Storage_Tank_Construction.htm"/>
    <hyperlink ref="G203" r:id="rId106" location="Exposure_Data/Storage_Tank_Construction.htm"/>
    <hyperlink ref="G204" r:id="rId107" location="Exposure_Data/Storage_Tank_Construction.htm"/>
    <hyperlink ref="G205" r:id="rId108" location="Exposure_Data/Storage_Tank_Construction.htm"/>
    <hyperlink ref="G206" r:id="rId109" location="Exposure_Data/Storage_Tank_Construction.htm"/>
    <hyperlink ref="G207" r:id="rId110" location="Exposure_Data/Storage_Tank_Construction.htm"/>
    <hyperlink ref="G208" r:id="rId111" location="Exposure_Data/Storage_Tank_Construction.htm"/>
    <hyperlink ref="G209" r:id="rId112" location="Exposure_Data/Storage_Tank_Construction.htm"/>
    <hyperlink ref="G210" r:id="rId113" location="Exposure_Data/Storage_Tank_Construction.htm"/>
    <hyperlink ref="G79" r:id="rId114" location="Exposure_Data/Storage_Tank_Construction.htm"/>
    <hyperlink ref="G80" r:id="rId115" location="Exposure_Data/Storage_Tank_Construction.htm"/>
    <hyperlink ref="G81" r:id="rId116" location="Exposure_Data/Storage_Tank_Construction.htm"/>
    <hyperlink ref="G82" r:id="rId117" location="Exposure_Data/Storage_Tank_Construction.htm"/>
    <hyperlink ref="G83" r:id="rId118" location="Exposure_Data/Storage_Tank_Construction.htm"/>
    <hyperlink ref="G84" r:id="rId119" location="Exposure_Data/Storage_Tank_Construction.htm"/>
    <hyperlink ref="G85" r:id="rId120" location="Exposure_Data/Storage_Tank_Construction.htm"/>
    <hyperlink ref="G86" r:id="rId121" location="Exposure_Data/Storage_Tank_Construction.htm"/>
    <hyperlink ref="G87" r:id="rId122" location="Exposure_Data/Storage_Tank_Construction.htm"/>
    <hyperlink ref="G88" r:id="rId123" location="Exposure_Data/Storage_Tank_Construction.htm"/>
    <hyperlink ref="G89" r:id="rId124" location="Exposure_Data/Storage_Tank_Construction.htm"/>
    <hyperlink ref="G90" r:id="rId125" location="Exposure_Data/Storage_Tank_Construction.htm"/>
    <hyperlink ref="G91" r:id="rId126" location="Exposure_Data/Storage_Tank_Construction.htm"/>
    <hyperlink ref="G92" r:id="rId127" location="Exposure_Data/Storage_Tank_Construction.htm"/>
    <hyperlink ref="G93" r:id="rId128" location="Exposure_Data/Storage_Tank_Construction.htm"/>
    <hyperlink ref="G32" r:id="rId129" location="Exposure_Data/Chimney_Construction.htm"/>
    <hyperlink ref="G33" r:id="rId130" location="Exposure_Data/Chimney_Construction.htm"/>
    <hyperlink ref="G34" r:id="rId131" location="Exposure_Data/Chimney_Construction.htm"/>
    <hyperlink ref="G149" r:id="rId132" location="Exposure_Data/Chimney_Construction.htm"/>
    <hyperlink ref="G150" r:id="rId133" location="Exposure_Data/Chimney_Construction.htm"/>
    <hyperlink ref="G151" r:id="rId134" location="Exposure_Data/Chimney_Construction.htm"/>
    <hyperlink ref="G35" r:id="rId135" location="Exposure_Data/Tower_Construction.htm"/>
    <hyperlink ref="G36" r:id="rId136" location="Exposure_Data/Tower_Construction.htm"/>
    <hyperlink ref="G37" r:id="rId137" location="Exposure_Data/Tower_Construction.htm"/>
    <hyperlink ref="G38" r:id="rId138" location="Exposure_Data/Tower_Construction.htm"/>
    <hyperlink ref="G39" r:id="rId139" location="Exposure_Data/Tower_Construction.htm"/>
    <hyperlink ref="G152" r:id="rId140" location="Exposure_Data/Tower_Construction.htm"/>
    <hyperlink ref="G153" r:id="rId141" location="Exposure_Data/Tower_Construction.htm"/>
    <hyperlink ref="G154" r:id="rId142" location="Exposure_Data/Tower_Construction.htm"/>
    <hyperlink ref="G155" r:id="rId143" location="Exposure_Data/Tower_Construction.htm"/>
    <hyperlink ref="G156" r:id="rId144" location="Exposure_Data/Tower_Construction.htm"/>
    <hyperlink ref="G40" r:id="rId145" location="Exposure_Data/Equipment_Construction.htm"/>
    <hyperlink ref="G41" r:id="rId146" location="Exposure_Data/Equipment_Construction.htm"/>
    <hyperlink ref="G42" r:id="rId147" location="Exposure_Data/Equipment_Construction.htm"/>
    <hyperlink ref="G43" r:id="rId148" location="Exposure_Data/Equipment_Construction.htm"/>
    <hyperlink ref="G44" r:id="rId149" location="Exposure_Data/Equipment_Construction.htm"/>
    <hyperlink ref="G45" r:id="rId150" location="Exposure_Data/Equipment_Construction.htm"/>
    <hyperlink ref="G157" r:id="rId151" location="Exposure_Data/Equipment_Construction.htm"/>
    <hyperlink ref="G158" r:id="rId152" location="Exposure_Data/Equipment_Construction.htm"/>
    <hyperlink ref="G159" r:id="rId153" location="Exposure_Data/Equipment_Construction.htm"/>
    <hyperlink ref="G160" r:id="rId154" location="Exposure_Data/Equipment_Construction.htm"/>
    <hyperlink ref="G161" r:id="rId155" location="Exposure_Data/Equipment_Construction.htm"/>
    <hyperlink ref="G162" r:id="rId156" location="Exposure_Data/Equipment_Construction.htm"/>
    <hyperlink ref="G46" r:id="rId157" location="Exposure_Data/Miscellaneous_Construction.htm"/>
    <hyperlink ref="G47" r:id="rId158" location="Exposure_Data/Miscellaneous_Construction.htm"/>
    <hyperlink ref="G48" r:id="rId159" location="Exposure_Data/Miscellaneous_Construction.htm"/>
    <hyperlink ref="G49" r:id="rId160" location="Exposure_Data/Miscellaneous_Construction.htm"/>
    <hyperlink ref="G50" r:id="rId161" location="Exposure_Data/Miscellaneous_Construction.htm"/>
    <hyperlink ref="G51" r:id="rId162" location="Exposure_Data/Miscellaneous_Construction.htm"/>
    <hyperlink ref="G52" r:id="rId163" location="Exposure_Data/Miscellaneous_Construction.htm"/>
    <hyperlink ref="G53" r:id="rId164" location="Exposure_Data/Miscellaneous_Construction.htm"/>
    <hyperlink ref="G54" r:id="rId165" location="Exposure_Data/Miscellaneous_Construction.htm"/>
    <hyperlink ref="G163" r:id="rId166" location="Exposure_Data/Miscellaneous_Construction.htm"/>
    <hyperlink ref="G164" r:id="rId167" location="Exposure_Data/Miscellaneous_Construction.htm"/>
    <hyperlink ref="G165" r:id="rId168" location="Exposure_Data/Miscellaneous_Construction.htm"/>
    <hyperlink ref="G166" r:id="rId169" location="Exposure_Data/Miscellaneous_Construction.htm"/>
    <hyperlink ref="G167" r:id="rId170" location="Exposure_Data/Miscellaneous_Construction.htm"/>
    <hyperlink ref="G168" r:id="rId171" location="Exposure_Data/Miscellaneous_Construction.htm"/>
    <hyperlink ref="G169" r:id="rId172" location="Exposure_Data/Miscellaneous_Construction.htm"/>
    <hyperlink ref="G170" r:id="rId173" location="Exposure_Data/Miscellaneous_Construction.htm"/>
    <hyperlink ref="G171" r:id="rId174" location="Exposure_Data/Miscellaneous_Construction.htm"/>
    <hyperlink ref="G55" r:id="rId175" location="Exposure_Data/Automobile_Construction.htm"/>
    <hyperlink ref="G129" r:id="rId176" location="Exposure_Data/Automobile_Construction.htm"/>
    <hyperlink ref="G172" r:id="rId177" location="Exposure_Data/Automobile_Construction.htm"/>
    <hyperlink ref="G56" r:id="rId178" location="Exposure_Data/Marine_Cargo_Construction.htm"/>
    <hyperlink ref="G57" r:id="rId179" location="Exposure_Data/Marine_Cargo_Construction.htm"/>
    <hyperlink ref="G58" r:id="rId180" location="Exposure_Data/Marine_Cargo_Construction.htm"/>
    <hyperlink ref="G59" r:id="rId181" location="Exposure_Data/Marine_Cargo_Construction.htm"/>
    <hyperlink ref="G60" r:id="rId182" location="Exposure_Data/Marine_Cargo_Construction.htm"/>
    <hyperlink ref="G61" r:id="rId183" location="Exposure_Data/Marine_Cargo_Construction.htm"/>
    <hyperlink ref="G62" r:id="rId184" location="Exposure_Data/Marine_Cargo_Construction.htm"/>
    <hyperlink ref="G173" r:id="rId185" location="Exposure_Data/Marine_Cargo_Construction.htm"/>
    <hyperlink ref="G174" r:id="rId186" location="Exposure_Data/Marine_Cargo_Construction.htm"/>
    <hyperlink ref="G175" r:id="rId187" location="Exposure_Data/Marine_Cargo_Construction.htm"/>
    <hyperlink ref="G176" r:id="rId188" location="Exposure_Data/Marine_Cargo_Construction.htm"/>
    <hyperlink ref="G177" r:id="rId189" location="Exposure_Data/Marine_Cargo_Construction.htm"/>
    <hyperlink ref="G178" r:id="rId190" location="Exposure_Data/Marine_Cargo_Construction.htm"/>
    <hyperlink ref="G179" r:id="rId191" location="Exposure_Data/Marine_Cargo_Construction.htm"/>
    <hyperlink ref="G63" r:id="rId192" location="Exposure_Data/Bridge_Construction.htm"/>
    <hyperlink ref="G64" r:id="rId193" location="Exposure_Data/Bridge_Construction.htm"/>
    <hyperlink ref="G65" r:id="rId194" location="Exposure_Data/Bridge_Construction.htm"/>
    <hyperlink ref="G66" r:id="rId195" location="Exposure_Data/Bridge_Construction.htm"/>
    <hyperlink ref="G67" r:id="rId196" location="Exposure_Data/Bridge_Construction.htm"/>
    <hyperlink ref="G68" r:id="rId197" location="Exposure_Data/Bridge_Construction.htm"/>
    <hyperlink ref="G69" r:id="rId198" location="Exposure_Data/Bridge_Construction.htm"/>
    <hyperlink ref="G70" r:id="rId199" location="Exposure_Data/Bridge_Construction.htm"/>
    <hyperlink ref="G71" r:id="rId200" location="Exposure_Data/Bridge_Construction.htm"/>
    <hyperlink ref="G180" r:id="rId201" location="Exposure_Data/Bridge_Construction.htm"/>
    <hyperlink ref="G181" r:id="rId202" location="Exposure_Data/Bridge_Construction.htm"/>
    <hyperlink ref="G182" r:id="rId203" location="Exposure_Data/Bridge_Construction.htm"/>
    <hyperlink ref="G183" r:id="rId204" location="Exposure_Data/Bridge_Construction.htm"/>
    <hyperlink ref="G184" r:id="rId205" location="Exposure_Data/Bridge_Construction.htm"/>
    <hyperlink ref="G185" r:id="rId206" location="Exposure_Data/Bridge_Construction.htm"/>
    <hyperlink ref="G186" r:id="rId207" location="Exposure_Data/Bridge_Construction.htm"/>
    <hyperlink ref="G187" r:id="rId208" location="Exposure_Data/Bridge_Construction.htm"/>
    <hyperlink ref="G188" r:id="rId209" location="Exposure_Data/Bridge_Construction.htm"/>
    <hyperlink ref="G72" r:id="rId210" location="Exposure_Data/Tunnel_Construction.htm"/>
    <hyperlink ref="G73" r:id="rId211" location="Exposure_Data/Tunnel_Construction.htm"/>
    <hyperlink ref="G74" r:id="rId212" location="Exposure_Data/Tunnel_Construction.htm"/>
    <hyperlink ref="G75" r:id="rId213" location="Exposure_Data/Tunnel_Construction.htm"/>
    <hyperlink ref="G76" r:id="rId214" location="Exposure_Data/Tunnel_Construction.htm"/>
    <hyperlink ref="G77" r:id="rId215" location="Exposure_Data/Tunnel_Construction.htm"/>
    <hyperlink ref="G78" r:id="rId216" location="Exposure_Data/Tunnel_Construction.htm"/>
    <hyperlink ref="G189" r:id="rId217" location="Exposure_Data/Tunnel_Construction.htm"/>
    <hyperlink ref="G190" r:id="rId218" location="Exposure_Data/Tunnel_Construction.htm"/>
    <hyperlink ref="G191" r:id="rId219" location="Exposure_Data/Tunnel_Construction.htm"/>
    <hyperlink ref="G192" r:id="rId220" location="Exposure_Data/Tunnel_Construction.htm"/>
    <hyperlink ref="G193" r:id="rId221" location="Exposure_Data/Tunnel_Construction.htm"/>
    <hyperlink ref="G194" r:id="rId222" location="Exposure_Data/Tunnel_Construction.htm"/>
    <hyperlink ref="G195" r:id="rId223" location="Exposure_Data/Tunnel_Construction.htm"/>
    <hyperlink ref="G128" r:id="rId224" location="Exposure_Data/Mobile_Home_Construction.htm"/>
    <hyperlink ref="G136" r:id="rId225" location="Exposure_Data/Masonry_Construction.htm"/>
    <hyperlink ref="G224" r:id="rId226" location="Exposure_Data/Concrete_Construction.htm"/>
    <hyperlink ref="G138" r:id="rId227" location="Exposure_Data/Concrete_Construction.htm"/>
    <hyperlink ref="G228" r:id="rId228" location="Exposure_Data/Concrete_Construction.htm"/>
    <hyperlink ref="G226" r:id="rId229" location="Exposure_Data/Concrete_Construction.htm"/>
    <hyperlink ref="G227" r:id="rId230" location="Exposure_Data/Concrete_Construction.htm"/>
    <hyperlink ref="G6" r:id="rId231" location="Exposure_Data/Masonry_Construction.htm"/>
    <hyperlink ref="G26" r:id="rId232" location="Exposure_Data/Masonry_Construction.htm"/>
    <hyperlink ref="G13" r:id="rId233" location="Exposure_Data/Concrete_Construction.htm"/>
    <hyperlink ref="G8" r:id="rId234" location="Exposure_Data/Concrete_Construction.htm"/>
  </hyperlinks>
  <pageMargins left="0.7" right="0.7" top="0.75" bottom="0.75" header="0.3" footer="0.3"/>
  <pageSetup orientation="portrait" r:id="rId235"/>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33"/>
  <sheetViews>
    <sheetView workbookViewId="0">
      <pane ySplit="2" topLeftCell="A3" activePane="bottomLeft" state="frozen"/>
      <selection pane="bottomLeft" sqref="A1:F1"/>
    </sheetView>
  </sheetViews>
  <sheetFormatPr defaultColWidth="9.140625" defaultRowHeight="15" x14ac:dyDescent="0.25"/>
  <cols>
    <col min="1" max="1" width="19.7109375" bestFit="1" customWidth="1"/>
    <col min="2" max="2" width="29.140625" bestFit="1" customWidth="1"/>
    <col min="3" max="3" width="19.140625" bestFit="1" customWidth="1"/>
    <col min="4" max="4" width="22.5703125" bestFit="1" customWidth="1"/>
    <col min="5" max="5" width="67.5703125" bestFit="1" customWidth="1"/>
    <col min="6" max="6" width="21.7109375" style="20" bestFit="1" customWidth="1"/>
  </cols>
  <sheetData>
    <row r="1" spans="1:6" ht="39.950000000000003" customHeight="1" x14ac:dyDescent="0.25">
      <c r="A1" s="122" t="s">
        <v>387</v>
      </c>
      <c r="B1" s="123"/>
      <c r="C1" s="123"/>
      <c r="D1" s="123"/>
      <c r="E1" s="123"/>
      <c r="F1" s="123"/>
    </row>
    <row r="2" spans="1:6" x14ac:dyDescent="0.25">
      <c r="A2" s="2" t="s">
        <v>381</v>
      </c>
      <c r="B2" s="2" t="s">
        <v>80</v>
      </c>
      <c r="C2" s="2" t="s">
        <v>380</v>
      </c>
      <c r="D2" s="2" t="s">
        <v>78</v>
      </c>
      <c r="E2" s="2" t="s">
        <v>79</v>
      </c>
      <c r="F2" s="32" t="s">
        <v>374</v>
      </c>
    </row>
    <row r="3" spans="1:6" s="64" customFormat="1" x14ac:dyDescent="0.25">
      <c r="A3" s="74">
        <v>1</v>
      </c>
      <c r="B3" s="72" t="s">
        <v>407</v>
      </c>
      <c r="C3" s="73">
        <v>311</v>
      </c>
      <c r="D3" s="40" t="s">
        <v>52</v>
      </c>
      <c r="E3" s="73" t="s">
        <v>87</v>
      </c>
      <c r="F3" s="25" t="s">
        <v>375</v>
      </c>
    </row>
    <row r="4" spans="1:6" s="64" customFormat="1" x14ac:dyDescent="0.25">
      <c r="A4" s="74">
        <v>2</v>
      </c>
      <c r="B4" s="72" t="s">
        <v>408</v>
      </c>
      <c r="C4" s="73">
        <v>315</v>
      </c>
      <c r="D4" s="40" t="s">
        <v>52</v>
      </c>
      <c r="E4" s="73" t="s">
        <v>91</v>
      </c>
      <c r="F4" s="25" t="s">
        <v>375</v>
      </c>
    </row>
    <row r="5" spans="1:6" s="64" customFormat="1" x14ac:dyDescent="0.25">
      <c r="A5" s="74">
        <v>3</v>
      </c>
      <c r="B5" s="72" t="s">
        <v>409</v>
      </c>
      <c r="C5" s="73">
        <v>345</v>
      </c>
      <c r="D5" s="40" t="s">
        <v>67</v>
      </c>
      <c r="E5" s="73" t="s">
        <v>104</v>
      </c>
      <c r="F5" s="25" t="s">
        <v>375</v>
      </c>
    </row>
    <row r="6" spans="1:6" x14ac:dyDescent="0.25">
      <c r="A6" s="52">
        <v>4</v>
      </c>
      <c r="B6" s="5" t="s">
        <v>76</v>
      </c>
      <c r="C6" s="4">
        <v>371</v>
      </c>
      <c r="D6" s="40" t="s">
        <v>74</v>
      </c>
      <c r="E6" s="21" t="s">
        <v>75</v>
      </c>
      <c r="F6" s="25" t="s">
        <v>375</v>
      </c>
    </row>
    <row r="7" spans="1:6" x14ac:dyDescent="0.25">
      <c r="A7" s="127">
        <v>5</v>
      </c>
      <c r="B7" s="99" t="s">
        <v>113</v>
      </c>
      <c r="C7" s="4">
        <v>361</v>
      </c>
      <c r="D7" s="40" t="s">
        <v>73</v>
      </c>
      <c r="E7" s="21" t="s">
        <v>106</v>
      </c>
      <c r="F7" s="25" t="s">
        <v>375</v>
      </c>
    </row>
    <row r="8" spans="1:6" s="12" customFormat="1" x14ac:dyDescent="0.25">
      <c r="A8" s="128"/>
      <c r="B8" s="100"/>
      <c r="C8" s="1">
        <v>476</v>
      </c>
      <c r="D8" s="55" t="s">
        <v>295</v>
      </c>
      <c r="E8" s="39" t="s">
        <v>352</v>
      </c>
      <c r="F8" s="25" t="s">
        <v>359</v>
      </c>
    </row>
    <row r="9" spans="1:6" s="12" customFormat="1" x14ac:dyDescent="0.25">
      <c r="A9" s="128"/>
      <c r="B9" s="100"/>
      <c r="C9" s="1">
        <v>477</v>
      </c>
      <c r="D9" s="55" t="s">
        <v>295</v>
      </c>
      <c r="E9" s="39" t="s">
        <v>353</v>
      </c>
      <c r="F9" s="25" t="s">
        <v>359</v>
      </c>
    </row>
    <row r="10" spans="1:6" s="11" customFormat="1" x14ac:dyDescent="0.25">
      <c r="A10" s="129"/>
      <c r="B10" s="101"/>
      <c r="C10" s="1">
        <v>479</v>
      </c>
      <c r="D10" s="55" t="s">
        <v>295</v>
      </c>
      <c r="E10" s="39" t="s">
        <v>354</v>
      </c>
      <c r="F10" s="25" t="s">
        <v>359</v>
      </c>
    </row>
    <row r="11" spans="1:6" s="64" customFormat="1" x14ac:dyDescent="0.25">
      <c r="A11" s="75">
        <v>6</v>
      </c>
      <c r="B11" s="70" t="s">
        <v>410</v>
      </c>
      <c r="C11" s="65">
        <v>311</v>
      </c>
      <c r="D11" s="40" t="s">
        <v>52</v>
      </c>
      <c r="E11" s="73" t="s">
        <v>87</v>
      </c>
      <c r="F11" s="25" t="s">
        <v>375</v>
      </c>
    </row>
    <row r="12" spans="1:6" x14ac:dyDescent="0.25">
      <c r="A12" s="127">
        <v>7</v>
      </c>
      <c r="B12" s="99" t="s">
        <v>53</v>
      </c>
      <c r="C12" s="4">
        <v>311</v>
      </c>
      <c r="D12" s="40" t="s">
        <v>52</v>
      </c>
      <c r="E12" s="21" t="s">
        <v>87</v>
      </c>
      <c r="F12" s="25" t="s">
        <v>375</v>
      </c>
    </row>
    <row r="13" spans="1:6" x14ac:dyDescent="0.25">
      <c r="A13" s="128"/>
      <c r="B13" s="100"/>
      <c r="C13" s="4">
        <v>312</v>
      </c>
      <c r="D13" s="40" t="s">
        <v>52</v>
      </c>
      <c r="E13" s="21" t="s">
        <v>88</v>
      </c>
      <c r="F13" s="25" t="s">
        <v>375</v>
      </c>
    </row>
    <row r="14" spans="1:6" x14ac:dyDescent="0.25">
      <c r="A14" s="128"/>
      <c r="B14" s="100"/>
      <c r="C14" s="4">
        <v>314</v>
      </c>
      <c r="D14" s="40" t="s">
        <v>52</v>
      </c>
      <c r="E14" s="21" t="s">
        <v>90</v>
      </c>
      <c r="F14" s="25" t="s">
        <v>375</v>
      </c>
    </row>
    <row r="15" spans="1:6" x14ac:dyDescent="0.25">
      <c r="A15" s="128"/>
      <c r="B15" s="100"/>
      <c r="C15" s="4">
        <v>315</v>
      </c>
      <c r="D15" s="40" t="s">
        <v>52</v>
      </c>
      <c r="E15" s="21" t="s">
        <v>91</v>
      </c>
      <c r="F15" s="25" t="s">
        <v>375</v>
      </c>
    </row>
    <row r="16" spans="1:6" x14ac:dyDescent="0.25">
      <c r="A16" s="129"/>
      <c r="B16" s="101"/>
      <c r="C16" s="4">
        <v>343</v>
      </c>
      <c r="D16" s="61" t="s">
        <v>385</v>
      </c>
      <c r="E16" s="22" t="s">
        <v>102</v>
      </c>
      <c r="F16" s="25" t="s">
        <v>375</v>
      </c>
    </row>
    <row r="17" spans="1:6" x14ac:dyDescent="0.25">
      <c r="A17" s="127">
        <v>8</v>
      </c>
      <c r="B17" s="99" t="s">
        <v>112</v>
      </c>
      <c r="C17" s="4">
        <v>326</v>
      </c>
      <c r="D17" s="40" t="s">
        <v>57</v>
      </c>
      <c r="E17" s="21" t="s">
        <v>99</v>
      </c>
      <c r="F17" s="25" t="s">
        <v>375</v>
      </c>
    </row>
    <row r="18" spans="1:6" x14ac:dyDescent="0.25">
      <c r="A18" s="129"/>
      <c r="B18" s="101"/>
      <c r="C18" s="4">
        <v>330</v>
      </c>
      <c r="D18" s="40" t="s">
        <v>57</v>
      </c>
      <c r="E18" s="21" t="s">
        <v>62</v>
      </c>
      <c r="F18" s="25" t="s">
        <v>375</v>
      </c>
    </row>
    <row r="19" spans="1:6" x14ac:dyDescent="0.25">
      <c r="A19" s="127">
        <v>9</v>
      </c>
      <c r="B19" s="99" t="s">
        <v>114</v>
      </c>
      <c r="C19" s="4">
        <v>325</v>
      </c>
      <c r="D19" s="40" t="s">
        <v>57</v>
      </c>
      <c r="E19" s="21" t="s">
        <v>98</v>
      </c>
      <c r="F19" s="25" t="s">
        <v>375</v>
      </c>
    </row>
    <row r="20" spans="1:6" x14ac:dyDescent="0.25">
      <c r="A20" s="129"/>
      <c r="B20" s="101"/>
      <c r="C20" s="4">
        <v>329</v>
      </c>
      <c r="D20" s="40" t="s">
        <v>57</v>
      </c>
      <c r="E20" s="21" t="s">
        <v>61</v>
      </c>
      <c r="F20" s="25" t="s">
        <v>375</v>
      </c>
    </row>
    <row r="21" spans="1:6" x14ac:dyDescent="0.25">
      <c r="A21" s="52">
        <v>10</v>
      </c>
      <c r="B21" s="5" t="s">
        <v>115</v>
      </c>
      <c r="C21" s="4">
        <v>325</v>
      </c>
      <c r="D21" s="40" t="s">
        <v>57</v>
      </c>
      <c r="E21" s="21" t="s">
        <v>98</v>
      </c>
      <c r="F21" s="25" t="s">
        <v>375</v>
      </c>
    </row>
    <row r="22" spans="1:6" x14ac:dyDescent="0.25">
      <c r="A22" s="127">
        <v>11</v>
      </c>
      <c r="B22" s="99" t="s">
        <v>68</v>
      </c>
      <c r="C22" s="4">
        <v>345</v>
      </c>
      <c r="D22" s="40" t="s">
        <v>67</v>
      </c>
      <c r="E22" s="21" t="s">
        <v>104</v>
      </c>
      <c r="F22" s="25" t="s">
        <v>375</v>
      </c>
    </row>
    <row r="23" spans="1:6" s="13" customFormat="1" x14ac:dyDescent="0.25">
      <c r="A23" s="129"/>
      <c r="B23" s="101"/>
      <c r="C23" s="30">
        <v>346</v>
      </c>
      <c r="D23" s="55" t="s">
        <v>67</v>
      </c>
      <c r="E23" s="39" t="s">
        <v>292</v>
      </c>
      <c r="F23" s="25" t="s">
        <v>359</v>
      </c>
    </row>
    <row r="24" spans="1:6" x14ac:dyDescent="0.25">
      <c r="A24" s="52">
        <v>12</v>
      </c>
      <c r="B24" s="5" t="s">
        <v>56</v>
      </c>
      <c r="C24" s="4">
        <v>318</v>
      </c>
      <c r="D24" s="40" t="s">
        <v>52</v>
      </c>
      <c r="E24" s="21" t="s">
        <v>56</v>
      </c>
      <c r="F24" s="25" t="s">
        <v>375</v>
      </c>
    </row>
    <row r="25" spans="1:6" x14ac:dyDescent="0.25">
      <c r="A25" s="130">
        <v>13</v>
      </c>
      <c r="B25" s="99" t="s">
        <v>59</v>
      </c>
      <c r="C25" s="4">
        <v>322</v>
      </c>
      <c r="D25" s="40" t="s">
        <v>57</v>
      </c>
      <c r="E25" s="21" t="s">
        <v>95</v>
      </c>
      <c r="F25" s="25" t="s">
        <v>375</v>
      </c>
    </row>
    <row r="26" spans="1:6" x14ac:dyDescent="0.25">
      <c r="A26" s="131"/>
      <c r="B26" s="100"/>
      <c r="C26" s="4">
        <v>323</v>
      </c>
      <c r="D26" s="40" t="s">
        <v>57</v>
      </c>
      <c r="E26" s="21" t="s">
        <v>96</v>
      </c>
      <c r="F26" s="25" t="s">
        <v>375</v>
      </c>
    </row>
    <row r="27" spans="1:6" x14ac:dyDescent="0.25">
      <c r="A27" s="131"/>
      <c r="B27" s="100"/>
      <c r="C27" s="4">
        <v>327</v>
      </c>
      <c r="D27" s="40" t="s">
        <v>57</v>
      </c>
      <c r="E27" s="21" t="s">
        <v>100</v>
      </c>
      <c r="F27" s="25" t="s">
        <v>375</v>
      </c>
    </row>
    <row r="28" spans="1:6" s="14" customFormat="1" x14ac:dyDescent="0.25">
      <c r="A28" s="131"/>
      <c r="B28" s="100"/>
      <c r="C28" s="1">
        <v>429</v>
      </c>
      <c r="D28" s="55" t="s">
        <v>295</v>
      </c>
      <c r="E28" s="39" t="s">
        <v>318</v>
      </c>
      <c r="F28" s="25" t="s">
        <v>359</v>
      </c>
    </row>
    <row r="29" spans="1:6" s="14" customFormat="1" x14ac:dyDescent="0.25">
      <c r="A29" s="131"/>
      <c r="B29" s="100"/>
      <c r="C29" s="1">
        <v>430</v>
      </c>
      <c r="D29" s="55" t="s">
        <v>295</v>
      </c>
      <c r="E29" s="39" t="s">
        <v>319</v>
      </c>
      <c r="F29" s="25" t="s">
        <v>359</v>
      </c>
    </row>
    <row r="30" spans="1:6" s="14" customFormat="1" x14ac:dyDescent="0.25">
      <c r="A30" s="131"/>
      <c r="B30" s="100"/>
      <c r="C30" s="1">
        <v>431</v>
      </c>
      <c r="D30" s="55" t="s">
        <v>295</v>
      </c>
      <c r="E30" s="39" t="s">
        <v>320</v>
      </c>
      <c r="F30" s="25" t="s">
        <v>359</v>
      </c>
    </row>
    <row r="31" spans="1:6" s="14" customFormat="1" x14ac:dyDescent="0.25">
      <c r="A31" s="131"/>
      <c r="B31" s="100"/>
      <c r="C31" s="1">
        <v>432</v>
      </c>
      <c r="D31" s="55" t="s">
        <v>295</v>
      </c>
      <c r="E31" s="39" t="s">
        <v>321</v>
      </c>
      <c r="F31" s="25" t="s">
        <v>359</v>
      </c>
    </row>
    <row r="32" spans="1:6" s="14" customFormat="1" x14ac:dyDescent="0.25">
      <c r="A32" s="131"/>
      <c r="B32" s="100"/>
      <c r="C32" s="1">
        <v>433</v>
      </c>
      <c r="D32" s="55" t="s">
        <v>295</v>
      </c>
      <c r="E32" s="39" t="s">
        <v>322</v>
      </c>
      <c r="F32" s="25" t="s">
        <v>359</v>
      </c>
    </row>
    <row r="33" spans="1:6" s="14" customFormat="1" x14ac:dyDescent="0.25">
      <c r="A33" s="131"/>
      <c r="B33" s="100"/>
      <c r="C33" s="1">
        <v>434</v>
      </c>
      <c r="D33" s="55" t="s">
        <v>295</v>
      </c>
      <c r="E33" s="39" t="s">
        <v>323</v>
      </c>
      <c r="F33" s="25" t="s">
        <v>359</v>
      </c>
    </row>
    <row r="34" spans="1:6" s="14" customFormat="1" x14ac:dyDescent="0.25">
      <c r="A34" s="131"/>
      <c r="B34" s="100"/>
      <c r="C34" s="1">
        <v>438</v>
      </c>
      <c r="D34" s="55" t="s">
        <v>295</v>
      </c>
      <c r="E34" s="39" t="s">
        <v>324</v>
      </c>
      <c r="F34" s="25" t="s">
        <v>359</v>
      </c>
    </row>
    <row r="35" spans="1:6" s="14" customFormat="1" x14ac:dyDescent="0.25">
      <c r="A35" s="131"/>
      <c r="B35" s="100"/>
      <c r="C35" s="1">
        <v>439</v>
      </c>
      <c r="D35" s="55" t="s">
        <v>295</v>
      </c>
      <c r="E35" s="39" t="s">
        <v>325</v>
      </c>
      <c r="F35" s="25" t="s">
        <v>359</v>
      </c>
    </row>
    <row r="36" spans="1:6" s="14" customFormat="1" x14ac:dyDescent="0.25">
      <c r="A36" s="131"/>
      <c r="B36" s="100"/>
      <c r="C36" s="1">
        <v>440</v>
      </c>
      <c r="D36" s="55" t="s">
        <v>295</v>
      </c>
      <c r="E36" s="39" t="s">
        <v>326</v>
      </c>
      <c r="F36" s="25" t="s">
        <v>359</v>
      </c>
    </row>
    <row r="37" spans="1:6" s="14" customFormat="1" x14ac:dyDescent="0.25">
      <c r="A37" s="131"/>
      <c r="B37" s="100"/>
      <c r="C37" s="1">
        <v>441</v>
      </c>
      <c r="D37" s="55" t="s">
        <v>295</v>
      </c>
      <c r="E37" s="39" t="s">
        <v>327</v>
      </c>
      <c r="F37" s="25" t="s">
        <v>359</v>
      </c>
    </row>
    <row r="38" spans="1:6" s="14" customFormat="1" x14ac:dyDescent="0.25">
      <c r="A38" s="131"/>
      <c r="B38" s="100"/>
      <c r="C38" s="1">
        <v>442</v>
      </c>
      <c r="D38" s="55" t="s">
        <v>295</v>
      </c>
      <c r="E38" s="39" t="s">
        <v>328</v>
      </c>
      <c r="F38" s="25" t="s">
        <v>359</v>
      </c>
    </row>
    <row r="39" spans="1:6" s="14" customFormat="1" x14ac:dyDescent="0.25">
      <c r="A39" s="131"/>
      <c r="B39" s="100"/>
      <c r="C39" s="1">
        <v>443</v>
      </c>
      <c r="D39" s="55" t="s">
        <v>295</v>
      </c>
      <c r="E39" s="39" t="s">
        <v>329</v>
      </c>
      <c r="F39" s="25" t="s">
        <v>359</v>
      </c>
    </row>
    <row r="40" spans="1:6" s="14" customFormat="1" x14ac:dyDescent="0.25">
      <c r="A40" s="131"/>
      <c r="B40" s="100"/>
      <c r="C40" s="1">
        <v>444</v>
      </c>
      <c r="D40" s="55" t="s">
        <v>295</v>
      </c>
      <c r="E40" s="39" t="s">
        <v>330</v>
      </c>
      <c r="F40" s="25" t="s">
        <v>359</v>
      </c>
    </row>
    <row r="41" spans="1:6" s="14" customFormat="1" x14ac:dyDescent="0.25">
      <c r="A41" s="131"/>
      <c r="B41" s="100"/>
      <c r="C41" s="1">
        <v>445</v>
      </c>
      <c r="D41" s="54" t="s">
        <v>295</v>
      </c>
      <c r="E41" s="39" t="s">
        <v>331</v>
      </c>
      <c r="F41" s="25" t="s">
        <v>359</v>
      </c>
    </row>
    <row r="42" spans="1:6" s="14" customFormat="1" x14ac:dyDescent="0.25">
      <c r="A42" s="131"/>
      <c r="B42" s="100"/>
      <c r="C42" s="1">
        <v>446</v>
      </c>
      <c r="D42" s="54" t="s">
        <v>295</v>
      </c>
      <c r="E42" s="39" t="s">
        <v>332</v>
      </c>
      <c r="F42" s="25" t="s">
        <v>359</v>
      </c>
    </row>
    <row r="43" spans="1:6" s="14" customFormat="1" x14ac:dyDescent="0.25">
      <c r="A43" s="131"/>
      <c r="B43" s="100"/>
      <c r="C43" s="1">
        <v>455</v>
      </c>
      <c r="D43" s="55" t="s">
        <v>295</v>
      </c>
      <c r="E43" s="39" t="s">
        <v>337</v>
      </c>
      <c r="F43" s="25" t="s">
        <v>359</v>
      </c>
    </row>
    <row r="44" spans="1:6" s="14" customFormat="1" x14ac:dyDescent="0.25">
      <c r="A44" s="131"/>
      <c r="B44" s="100"/>
      <c r="C44" s="1">
        <v>456</v>
      </c>
      <c r="D44" s="55" t="s">
        <v>295</v>
      </c>
      <c r="E44" s="39" t="s">
        <v>338</v>
      </c>
      <c r="F44" s="25" t="s">
        <v>359</v>
      </c>
    </row>
    <row r="45" spans="1:6" s="14" customFormat="1" x14ac:dyDescent="0.25">
      <c r="A45" s="131"/>
      <c r="B45" s="100"/>
      <c r="C45" s="1">
        <v>457</v>
      </c>
      <c r="D45" s="55" t="s">
        <v>295</v>
      </c>
      <c r="E45" s="39" t="s">
        <v>339</v>
      </c>
      <c r="F45" s="25" t="s">
        <v>359</v>
      </c>
    </row>
    <row r="46" spans="1:6" s="14" customFormat="1" x14ac:dyDescent="0.25">
      <c r="A46" s="131"/>
      <c r="B46" s="100"/>
      <c r="C46" s="1">
        <v>458</v>
      </c>
      <c r="D46" s="55" t="s">
        <v>295</v>
      </c>
      <c r="E46" s="39" t="s">
        <v>340</v>
      </c>
      <c r="F46" s="25" t="s">
        <v>359</v>
      </c>
    </row>
    <row r="47" spans="1:6" s="14" customFormat="1" x14ac:dyDescent="0.25">
      <c r="A47" s="131"/>
      <c r="B47" s="100"/>
      <c r="C47" s="1">
        <v>459</v>
      </c>
      <c r="D47" s="55" t="s">
        <v>295</v>
      </c>
      <c r="E47" s="39" t="s">
        <v>341</v>
      </c>
      <c r="F47" s="25" t="s">
        <v>359</v>
      </c>
    </row>
    <row r="48" spans="1:6" s="14" customFormat="1" x14ac:dyDescent="0.25">
      <c r="A48" s="132"/>
      <c r="B48" s="101"/>
      <c r="C48" s="1">
        <v>460</v>
      </c>
      <c r="D48" s="55" t="s">
        <v>295</v>
      </c>
      <c r="E48" s="39" t="s">
        <v>342</v>
      </c>
      <c r="F48" s="25" t="s">
        <v>359</v>
      </c>
    </row>
    <row r="49" spans="1:6" s="64" customFormat="1" x14ac:dyDescent="0.25">
      <c r="A49" s="76">
        <v>14</v>
      </c>
      <c r="B49" s="71" t="s">
        <v>411</v>
      </c>
      <c r="C49" s="65">
        <v>314</v>
      </c>
      <c r="D49" s="40" t="s">
        <v>52</v>
      </c>
      <c r="E49" s="73" t="s">
        <v>90</v>
      </c>
      <c r="F49" s="25" t="s">
        <v>375</v>
      </c>
    </row>
    <row r="50" spans="1:6" s="15" customFormat="1" x14ac:dyDescent="0.25">
      <c r="A50" s="29">
        <v>15</v>
      </c>
      <c r="B50" s="3" t="s">
        <v>358</v>
      </c>
      <c r="C50" s="1">
        <v>353</v>
      </c>
      <c r="D50" s="55" t="s">
        <v>69</v>
      </c>
      <c r="E50" s="39" t="s">
        <v>72</v>
      </c>
      <c r="F50" s="25" t="s">
        <v>375</v>
      </c>
    </row>
    <row r="51" spans="1:6" x14ac:dyDescent="0.25">
      <c r="A51" s="52">
        <v>16</v>
      </c>
      <c r="B51" s="5" t="s">
        <v>55</v>
      </c>
      <c r="C51" s="4">
        <v>316</v>
      </c>
      <c r="D51" s="40" t="s">
        <v>52</v>
      </c>
      <c r="E51" s="21" t="s">
        <v>92</v>
      </c>
      <c r="F51" s="25" t="s">
        <v>375</v>
      </c>
    </row>
    <row r="52" spans="1:6" x14ac:dyDescent="0.25">
      <c r="A52" s="52">
        <v>17</v>
      </c>
      <c r="B52" s="5" t="s">
        <v>51</v>
      </c>
      <c r="C52" s="4">
        <v>304</v>
      </c>
      <c r="D52" s="40" t="s">
        <v>49</v>
      </c>
      <c r="E52" s="21" t="s">
        <v>84</v>
      </c>
      <c r="F52" s="25" t="s">
        <v>375</v>
      </c>
    </row>
    <row r="53" spans="1:6" x14ac:dyDescent="0.25">
      <c r="A53" s="130">
        <v>18</v>
      </c>
      <c r="B53" s="99" t="s">
        <v>58</v>
      </c>
      <c r="C53" s="4">
        <v>321</v>
      </c>
      <c r="D53" s="40" t="s">
        <v>57</v>
      </c>
      <c r="E53" s="21" t="s">
        <v>94</v>
      </c>
      <c r="F53" s="25" t="s">
        <v>375</v>
      </c>
    </row>
    <row r="54" spans="1:6" x14ac:dyDescent="0.25">
      <c r="A54" s="131"/>
      <c r="B54" s="100"/>
      <c r="C54" s="4">
        <v>327</v>
      </c>
      <c r="D54" s="40" t="s">
        <v>57</v>
      </c>
      <c r="E54" s="21" t="s">
        <v>100</v>
      </c>
      <c r="F54" s="25" t="s">
        <v>375</v>
      </c>
    </row>
    <row r="55" spans="1:6" x14ac:dyDescent="0.25">
      <c r="A55" s="131"/>
      <c r="B55" s="100"/>
      <c r="C55" s="4">
        <v>328</v>
      </c>
      <c r="D55" s="40" t="s">
        <v>57</v>
      </c>
      <c r="E55" s="21" t="s">
        <v>60</v>
      </c>
      <c r="F55" s="25" t="s">
        <v>375</v>
      </c>
    </row>
    <row r="56" spans="1:6" x14ac:dyDescent="0.25">
      <c r="A56" s="131"/>
      <c r="B56" s="100"/>
      <c r="C56" s="4">
        <v>329</v>
      </c>
      <c r="D56" s="40" t="s">
        <v>57</v>
      </c>
      <c r="E56" s="21" t="s">
        <v>61</v>
      </c>
      <c r="F56" s="25" t="s">
        <v>375</v>
      </c>
    </row>
    <row r="57" spans="1:6" x14ac:dyDescent="0.25">
      <c r="A57" s="131"/>
      <c r="B57" s="100"/>
      <c r="C57" s="4">
        <v>330</v>
      </c>
      <c r="D57" s="40" t="s">
        <v>57</v>
      </c>
      <c r="E57" s="21" t="s">
        <v>62</v>
      </c>
      <c r="F57" s="25" t="s">
        <v>375</v>
      </c>
    </row>
    <row r="58" spans="1:6" x14ac:dyDescent="0.25">
      <c r="A58" s="131"/>
      <c r="B58" s="100"/>
      <c r="C58" s="4">
        <v>364</v>
      </c>
      <c r="D58" s="40" t="s">
        <v>73</v>
      </c>
      <c r="E58" s="21" t="s">
        <v>109</v>
      </c>
      <c r="F58" s="25" t="s">
        <v>375</v>
      </c>
    </row>
    <row r="59" spans="1:6" s="16" customFormat="1" x14ac:dyDescent="0.25">
      <c r="A59" s="131"/>
      <c r="B59" s="100"/>
      <c r="C59" s="1">
        <v>400</v>
      </c>
      <c r="D59" s="54" t="s">
        <v>295</v>
      </c>
      <c r="E59" s="53" t="s">
        <v>296</v>
      </c>
      <c r="F59" s="25" t="s">
        <v>359</v>
      </c>
    </row>
    <row r="60" spans="1:6" s="16" customFormat="1" x14ac:dyDescent="0.25">
      <c r="A60" s="131"/>
      <c r="B60" s="100"/>
      <c r="C60" s="1">
        <v>401</v>
      </c>
      <c r="D60" s="55" t="s">
        <v>295</v>
      </c>
      <c r="E60" s="39" t="s">
        <v>297</v>
      </c>
      <c r="F60" s="25" t="s">
        <v>359</v>
      </c>
    </row>
    <row r="61" spans="1:6" s="16" customFormat="1" x14ac:dyDescent="0.25">
      <c r="A61" s="131"/>
      <c r="B61" s="100"/>
      <c r="C61" s="1">
        <v>402</v>
      </c>
      <c r="D61" s="55" t="s">
        <v>295</v>
      </c>
      <c r="E61" s="39" t="s">
        <v>298</v>
      </c>
      <c r="F61" s="25" t="s">
        <v>359</v>
      </c>
    </row>
    <row r="62" spans="1:6" s="16" customFormat="1" x14ac:dyDescent="0.25">
      <c r="A62" s="131"/>
      <c r="B62" s="100"/>
      <c r="C62" s="1">
        <v>403</v>
      </c>
      <c r="D62" s="54" t="s">
        <v>295</v>
      </c>
      <c r="E62" s="39" t="s">
        <v>299</v>
      </c>
      <c r="F62" s="25" t="s">
        <v>359</v>
      </c>
    </row>
    <row r="63" spans="1:6" s="16" customFormat="1" x14ac:dyDescent="0.25">
      <c r="A63" s="131"/>
      <c r="B63" s="100"/>
      <c r="C63" s="1">
        <v>404</v>
      </c>
      <c r="D63" s="54" t="s">
        <v>295</v>
      </c>
      <c r="E63" s="39" t="s">
        <v>300</v>
      </c>
      <c r="F63" s="25" t="s">
        <v>359</v>
      </c>
    </row>
    <row r="64" spans="1:6" s="16" customFormat="1" x14ac:dyDescent="0.25">
      <c r="A64" s="131"/>
      <c r="B64" s="100"/>
      <c r="C64" s="1">
        <v>405</v>
      </c>
      <c r="D64" s="54" t="s">
        <v>295</v>
      </c>
      <c r="E64" s="39" t="s">
        <v>301</v>
      </c>
      <c r="F64" s="25" t="s">
        <v>359</v>
      </c>
    </row>
    <row r="65" spans="1:6" s="16" customFormat="1" x14ac:dyDescent="0.25">
      <c r="A65" s="131"/>
      <c r="B65" s="100"/>
      <c r="C65" s="1">
        <v>406</v>
      </c>
      <c r="D65" s="54" t="s">
        <v>295</v>
      </c>
      <c r="E65" s="39" t="s">
        <v>302</v>
      </c>
      <c r="F65" s="25" t="s">
        <v>359</v>
      </c>
    </row>
    <row r="66" spans="1:6" s="16" customFormat="1" x14ac:dyDescent="0.25">
      <c r="A66" s="131"/>
      <c r="B66" s="100"/>
      <c r="C66" s="1">
        <v>407</v>
      </c>
      <c r="D66" s="54" t="s">
        <v>295</v>
      </c>
      <c r="E66" s="39" t="s">
        <v>303</v>
      </c>
      <c r="F66" s="25" t="s">
        <v>359</v>
      </c>
    </row>
    <row r="67" spans="1:6" s="16" customFormat="1" x14ac:dyDescent="0.25">
      <c r="A67" s="131"/>
      <c r="B67" s="100"/>
      <c r="C67" s="1">
        <v>408</v>
      </c>
      <c r="D67" s="54" t="s">
        <v>295</v>
      </c>
      <c r="E67" s="39" t="s">
        <v>304</v>
      </c>
      <c r="F67" s="25" t="s">
        <v>359</v>
      </c>
    </row>
    <row r="68" spans="1:6" s="16" customFormat="1" x14ac:dyDescent="0.25">
      <c r="A68" s="131"/>
      <c r="B68" s="100"/>
      <c r="C68" s="1">
        <v>409</v>
      </c>
      <c r="D68" s="54" t="s">
        <v>295</v>
      </c>
      <c r="E68" s="39" t="s">
        <v>305</v>
      </c>
      <c r="F68" s="25" t="s">
        <v>359</v>
      </c>
    </row>
    <row r="69" spans="1:6" s="16" customFormat="1" x14ac:dyDescent="0.25">
      <c r="A69" s="131"/>
      <c r="B69" s="100"/>
      <c r="C69" s="1">
        <v>414</v>
      </c>
      <c r="D69" s="54" t="s">
        <v>295</v>
      </c>
      <c r="E69" s="39" t="s">
        <v>306</v>
      </c>
      <c r="F69" s="25" t="s">
        <v>359</v>
      </c>
    </row>
    <row r="70" spans="1:6" s="16" customFormat="1" x14ac:dyDescent="0.25">
      <c r="A70" s="131"/>
      <c r="B70" s="100"/>
      <c r="C70" s="1">
        <v>415</v>
      </c>
      <c r="D70" s="54" t="s">
        <v>295</v>
      </c>
      <c r="E70" s="39" t="s">
        <v>307</v>
      </c>
      <c r="F70" s="25" t="s">
        <v>359</v>
      </c>
    </row>
    <row r="71" spans="1:6" s="16" customFormat="1" x14ac:dyDescent="0.25">
      <c r="A71" s="131"/>
      <c r="B71" s="100"/>
      <c r="C71" s="1">
        <v>416</v>
      </c>
      <c r="D71" s="54" t="s">
        <v>295</v>
      </c>
      <c r="E71" s="39" t="s">
        <v>308</v>
      </c>
      <c r="F71" s="25" t="s">
        <v>359</v>
      </c>
    </row>
    <row r="72" spans="1:6" s="16" customFormat="1" x14ac:dyDescent="0.25">
      <c r="A72" s="131"/>
      <c r="B72" s="100"/>
      <c r="C72" s="1">
        <v>417</v>
      </c>
      <c r="D72" s="54" t="s">
        <v>295</v>
      </c>
      <c r="E72" s="39" t="s">
        <v>309</v>
      </c>
      <c r="F72" s="25" t="s">
        <v>359</v>
      </c>
    </row>
    <row r="73" spans="1:6" s="16" customFormat="1" x14ac:dyDescent="0.25">
      <c r="A73" s="131"/>
      <c r="B73" s="100"/>
      <c r="C73" s="1">
        <v>418</v>
      </c>
      <c r="D73" s="54" t="s">
        <v>295</v>
      </c>
      <c r="E73" s="39" t="s">
        <v>310</v>
      </c>
      <c r="F73" s="25" t="s">
        <v>359</v>
      </c>
    </row>
    <row r="74" spans="1:6" s="16" customFormat="1" x14ac:dyDescent="0.25">
      <c r="A74" s="131"/>
      <c r="B74" s="100"/>
      <c r="C74" s="1">
        <v>419</v>
      </c>
      <c r="D74" s="54" t="s">
        <v>295</v>
      </c>
      <c r="E74" s="39" t="s">
        <v>311</v>
      </c>
      <c r="F74" s="25" t="s">
        <v>359</v>
      </c>
    </row>
    <row r="75" spans="1:6" s="16" customFormat="1" x14ac:dyDescent="0.25">
      <c r="A75" s="131"/>
      <c r="B75" s="100"/>
      <c r="C75" s="1">
        <v>420</v>
      </c>
      <c r="D75" s="54" t="s">
        <v>295</v>
      </c>
      <c r="E75" s="39" t="s">
        <v>312</v>
      </c>
      <c r="F75" s="25" t="s">
        <v>359</v>
      </c>
    </row>
    <row r="76" spans="1:6" s="16" customFormat="1" x14ac:dyDescent="0.25">
      <c r="A76" s="131"/>
      <c r="B76" s="100"/>
      <c r="C76" s="1">
        <v>421</v>
      </c>
      <c r="D76" s="54" t="s">
        <v>295</v>
      </c>
      <c r="E76" s="39" t="s">
        <v>313</v>
      </c>
      <c r="F76" s="25" t="s">
        <v>359</v>
      </c>
    </row>
    <row r="77" spans="1:6" s="16" customFormat="1" x14ac:dyDescent="0.25">
      <c r="A77" s="131"/>
      <c r="B77" s="100"/>
      <c r="C77" s="1">
        <v>422</v>
      </c>
      <c r="D77" s="54" t="s">
        <v>295</v>
      </c>
      <c r="E77" s="39" t="s">
        <v>314</v>
      </c>
      <c r="F77" s="25" t="s">
        <v>359</v>
      </c>
    </row>
    <row r="78" spans="1:6" s="16" customFormat="1" x14ac:dyDescent="0.25">
      <c r="A78" s="131"/>
      <c r="B78" s="100"/>
      <c r="C78" s="1">
        <v>423</v>
      </c>
      <c r="D78" s="54" t="s">
        <v>295</v>
      </c>
      <c r="E78" s="39" t="s">
        <v>315</v>
      </c>
      <c r="F78" s="25" t="s">
        <v>359</v>
      </c>
    </row>
    <row r="79" spans="1:6" s="16" customFormat="1" x14ac:dyDescent="0.25">
      <c r="A79" s="131"/>
      <c r="B79" s="100"/>
      <c r="C79" s="1">
        <v>424</v>
      </c>
      <c r="D79" s="54" t="s">
        <v>295</v>
      </c>
      <c r="E79" s="39" t="s">
        <v>316</v>
      </c>
      <c r="F79" s="25" t="s">
        <v>359</v>
      </c>
    </row>
    <row r="80" spans="1:6" s="16" customFormat="1" x14ac:dyDescent="0.25">
      <c r="A80" s="131"/>
      <c r="B80" s="100"/>
      <c r="C80" s="1">
        <v>425</v>
      </c>
      <c r="D80" s="54" t="s">
        <v>295</v>
      </c>
      <c r="E80" s="39" t="s">
        <v>317</v>
      </c>
      <c r="F80" s="25" t="s">
        <v>359</v>
      </c>
    </row>
    <row r="81" spans="1:6" s="16" customFormat="1" x14ac:dyDescent="0.25">
      <c r="A81" s="131"/>
      <c r="B81" s="100"/>
      <c r="C81" s="1">
        <v>449</v>
      </c>
      <c r="D81" s="54" t="s">
        <v>295</v>
      </c>
      <c r="E81" s="39" t="s">
        <v>333</v>
      </c>
      <c r="F81" s="25" t="s">
        <v>359</v>
      </c>
    </row>
    <row r="82" spans="1:6" s="16" customFormat="1" x14ac:dyDescent="0.25">
      <c r="A82" s="131"/>
      <c r="B82" s="100"/>
      <c r="C82" s="1">
        <v>450</v>
      </c>
      <c r="D82" s="54" t="s">
        <v>295</v>
      </c>
      <c r="E82" s="39" t="s">
        <v>334</v>
      </c>
      <c r="F82" s="25" t="s">
        <v>359</v>
      </c>
    </row>
    <row r="83" spans="1:6" s="16" customFormat="1" x14ac:dyDescent="0.25">
      <c r="A83" s="131"/>
      <c r="B83" s="100"/>
      <c r="C83" s="1">
        <v>451</v>
      </c>
      <c r="D83" s="54" t="s">
        <v>295</v>
      </c>
      <c r="E83" s="39" t="s">
        <v>335</v>
      </c>
      <c r="F83" s="25" t="s">
        <v>359</v>
      </c>
    </row>
    <row r="84" spans="1:6" s="16" customFormat="1" x14ac:dyDescent="0.25">
      <c r="A84" s="131"/>
      <c r="B84" s="100"/>
      <c r="C84" s="1">
        <v>452</v>
      </c>
      <c r="D84" s="54" t="s">
        <v>295</v>
      </c>
      <c r="E84" s="39" t="s">
        <v>336</v>
      </c>
      <c r="F84" s="25" t="s">
        <v>359</v>
      </c>
    </row>
    <row r="85" spans="1:6" s="16" customFormat="1" x14ac:dyDescent="0.25">
      <c r="A85" s="131"/>
      <c r="B85" s="100"/>
      <c r="C85" s="1">
        <v>470</v>
      </c>
      <c r="D85" s="54" t="s">
        <v>295</v>
      </c>
      <c r="E85" s="39" t="s">
        <v>346</v>
      </c>
      <c r="F85" s="25" t="s">
        <v>359</v>
      </c>
    </row>
    <row r="86" spans="1:6" s="16" customFormat="1" x14ac:dyDescent="0.25">
      <c r="A86" s="131"/>
      <c r="B86" s="100"/>
      <c r="C86" s="1">
        <v>471</v>
      </c>
      <c r="D86" s="54" t="s">
        <v>295</v>
      </c>
      <c r="E86" s="39" t="s">
        <v>347</v>
      </c>
      <c r="F86" s="25" t="s">
        <v>359</v>
      </c>
    </row>
    <row r="87" spans="1:6" s="16" customFormat="1" x14ac:dyDescent="0.25">
      <c r="A87" s="131"/>
      <c r="B87" s="100"/>
      <c r="C87" s="1">
        <v>472</v>
      </c>
      <c r="D87" s="54" t="s">
        <v>295</v>
      </c>
      <c r="E87" s="39" t="s">
        <v>348</v>
      </c>
      <c r="F87" s="25" t="s">
        <v>359</v>
      </c>
    </row>
    <row r="88" spans="1:6" s="16" customFormat="1" x14ac:dyDescent="0.25">
      <c r="A88" s="131"/>
      <c r="B88" s="100"/>
      <c r="C88" s="1">
        <v>473</v>
      </c>
      <c r="D88" s="54" t="s">
        <v>295</v>
      </c>
      <c r="E88" s="39" t="s">
        <v>349</v>
      </c>
      <c r="F88" s="25" t="s">
        <v>359</v>
      </c>
    </row>
    <row r="89" spans="1:6" s="16" customFormat="1" x14ac:dyDescent="0.25">
      <c r="A89" s="131"/>
      <c r="B89" s="100"/>
      <c r="C89" s="1">
        <v>474</v>
      </c>
      <c r="D89" s="54" t="s">
        <v>295</v>
      </c>
      <c r="E89" s="39" t="s">
        <v>350</v>
      </c>
      <c r="F89" s="25" t="s">
        <v>359</v>
      </c>
    </row>
    <row r="90" spans="1:6" s="16" customFormat="1" x14ac:dyDescent="0.25">
      <c r="A90" s="131"/>
      <c r="B90" s="100"/>
      <c r="C90" s="1">
        <v>475</v>
      </c>
      <c r="D90" s="54" t="s">
        <v>295</v>
      </c>
      <c r="E90" s="39" t="s">
        <v>351</v>
      </c>
      <c r="F90" s="25" t="s">
        <v>359</v>
      </c>
    </row>
    <row r="91" spans="1:6" s="16" customFormat="1" x14ac:dyDescent="0.25">
      <c r="A91" s="132"/>
      <c r="B91" s="101"/>
      <c r="C91" s="1">
        <v>482</v>
      </c>
      <c r="D91" s="54" t="s">
        <v>295</v>
      </c>
      <c r="E91" s="39" t="s">
        <v>357</v>
      </c>
      <c r="F91" s="25" t="s">
        <v>359</v>
      </c>
    </row>
    <row r="92" spans="1:6" s="64" customFormat="1" x14ac:dyDescent="0.25">
      <c r="A92" s="76">
        <v>19</v>
      </c>
      <c r="B92" s="71" t="s">
        <v>412</v>
      </c>
      <c r="C92" s="65">
        <v>316</v>
      </c>
      <c r="D92" s="40" t="s">
        <v>52</v>
      </c>
      <c r="E92" s="73" t="s">
        <v>92</v>
      </c>
      <c r="F92" s="25" t="s">
        <v>375</v>
      </c>
    </row>
    <row r="93" spans="1:6" s="64" customFormat="1" x14ac:dyDescent="0.25">
      <c r="A93" s="76">
        <v>20</v>
      </c>
      <c r="B93" s="71" t="s">
        <v>413</v>
      </c>
      <c r="C93" s="65">
        <v>312</v>
      </c>
      <c r="D93" s="40" t="s">
        <v>52</v>
      </c>
      <c r="E93" s="73" t="s">
        <v>88</v>
      </c>
      <c r="F93" s="25" t="s">
        <v>375</v>
      </c>
    </row>
    <row r="94" spans="1:6" s="64" customFormat="1" x14ac:dyDescent="0.25">
      <c r="A94" s="76">
        <v>21</v>
      </c>
      <c r="B94" s="71" t="s">
        <v>414</v>
      </c>
      <c r="C94" s="65">
        <v>317</v>
      </c>
      <c r="D94" s="40" t="s">
        <v>52</v>
      </c>
      <c r="E94" s="73" t="s">
        <v>93</v>
      </c>
      <c r="F94" s="25" t="s">
        <v>375</v>
      </c>
    </row>
    <row r="95" spans="1:6" s="64" customFormat="1" x14ac:dyDescent="0.25">
      <c r="A95" s="76">
        <v>22</v>
      </c>
      <c r="B95" s="71" t="s">
        <v>415</v>
      </c>
      <c r="C95" s="65">
        <v>315</v>
      </c>
      <c r="D95" s="40" t="s">
        <v>52</v>
      </c>
      <c r="E95" s="73" t="s">
        <v>91</v>
      </c>
      <c r="F95" s="25" t="s">
        <v>375</v>
      </c>
    </row>
    <row r="96" spans="1:6" s="64" customFormat="1" x14ac:dyDescent="0.25">
      <c r="A96" s="76">
        <v>23</v>
      </c>
      <c r="B96" s="71" t="s">
        <v>416</v>
      </c>
      <c r="C96" s="65">
        <v>315</v>
      </c>
      <c r="D96" s="40" t="s">
        <v>52</v>
      </c>
      <c r="E96" s="73" t="s">
        <v>91</v>
      </c>
      <c r="F96" s="25" t="s">
        <v>375</v>
      </c>
    </row>
    <row r="97" spans="1:6" x14ac:dyDescent="0.25">
      <c r="A97" s="52">
        <v>24</v>
      </c>
      <c r="B97" s="5" t="s">
        <v>64</v>
      </c>
      <c r="C97" s="21">
        <v>331</v>
      </c>
      <c r="D97" s="40" t="s">
        <v>63</v>
      </c>
      <c r="E97" s="21" t="s">
        <v>63</v>
      </c>
      <c r="F97" s="25" t="s">
        <v>375</v>
      </c>
    </row>
    <row r="98" spans="1:6" x14ac:dyDescent="0.25">
      <c r="A98" s="52">
        <v>25</v>
      </c>
      <c r="B98" s="5" t="s">
        <v>66</v>
      </c>
      <c r="C98" s="21">
        <v>344</v>
      </c>
      <c r="D98" s="61" t="s">
        <v>385</v>
      </c>
      <c r="E98" s="22" t="s">
        <v>103</v>
      </c>
      <c r="F98" s="25" t="s">
        <v>375</v>
      </c>
    </row>
    <row r="99" spans="1:6" s="64" customFormat="1" x14ac:dyDescent="0.25">
      <c r="A99" s="74">
        <v>26</v>
      </c>
      <c r="B99" s="72" t="s">
        <v>406</v>
      </c>
      <c r="C99" s="73">
        <v>351</v>
      </c>
      <c r="D99" s="40" t="s">
        <v>69</v>
      </c>
      <c r="E99" s="73" t="s">
        <v>70</v>
      </c>
      <c r="F99" s="25" t="s">
        <v>375</v>
      </c>
    </row>
    <row r="100" spans="1:6" x14ac:dyDescent="0.25">
      <c r="A100" s="52">
        <v>27</v>
      </c>
      <c r="B100" s="5" t="s">
        <v>54</v>
      </c>
      <c r="C100" s="21">
        <v>311</v>
      </c>
      <c r="D100" s="40" t="s">
        <v>52</v>
      </c>
      <c r="E100" s="21" t="s">
        <v>87</v>
      </c>
      <c r="F100" s="25" t="s">
        <v>375</v>
      </c>
    </row>
    <row r="101" spans="1:6" x14ac:dyDescent="0.25">
      <c r="A101" s="127">
        <v>28</v>
      </c>
      <c r="B101" s="99" t="s">
        <v>50</v>
      </c>
      <c r="C101" s="21">
        <v>301</v>
      </c>
      <c r="D101" s="40" t="s">
        <v>49</v>
      </c>
      <c r="E101" s="21" t="s">
        <v>81</v>
      </c>
      <c r="F101" s="25" t="s">
        <v>375</v>
      </c>
    </row>
    <row r="102" spans="1:6" x14ac:dyDescent="0.25">
      <c r="A102" s="128"/>
      <c r="B102" s="100"/>
      <c r="C102" s="21">
        <v>302</v>
      </c>
      <c r="D102" s="40" t="s">
        <v>49</v>
      </c>
      <c r="E102" s="21" t="s">
        <v>82</v>
      </c>
      <c r="F102" s="25" t="s">
        <v>375</v>
      </c>
    </row>
    <row r="103" spans="1:6" x14ac:dyDescent="0.25">
      <c r="A103" s="128"/>
      <c r="B103" s="100"/>
      <c r="C103" s="21">
        <v>303</v>
      </c>
      <c r="D103" s="40" t="s">
        <v>49</v>
      </c>
      <c r="E103" s="21" t="s">
        <v>83</v>
      </c>
      <c r="F103" s="25" t="s">
        <v>375</v>
      </c>
    </row>
    <row r="104" spans="1:6" x14ac:dyDescent="0.25">
      <c r="A104" s="128"/>
      <c r="B104" s="100"/>
      <c r="C104" s="21">
        <v>305</v>
      </c>
      <c r="D104" s="40" t="s">
        <v>49</v>
      </c>
      <c r="E104" s="21" t="s">
        <v>85</v>
      </c>
      <c r="F104" s="25" t="s">
        <v>375</v>
      </c>
    </row>
    <row r="105" spans="1:6" x14ac:dyDescent="0.25">
      <c r="A105" s="129"/>
      <c r="B105" s="101"/>
      <c r="C105" s="21">
        <v>306</v>
      </c>
      <c r="D105" s="40" t="s">
        <v>49</v>
      </c>
      <c r="E105" s="21" t="s">
        <v>86</v>
      </c>
      <c r="F105" s="25" t="s">
        <v>375</v>
      </c>
    </row>
    <row r="106" spans="1:6" x14ac:dyDescent="0.25">
      <c r="A106" s="127">
        <v>29</v>
      </c>
      <c r="B106" s="124" t="s">
        <v>48</v>
      </c>
      <c r="C106" s="21">
        <v>300</v>
      </c>
      <c r="D106" s="40" t="s">
        <v>0</v>
      </c>
      <c r="E106" s="21" t="s">
        <v>0</v>
      </c>
      <c r="F106" s="25" t="s">
        <v>375</v>
      </c>
    </row>
    <row r="107" spans="1:6" x14ac:dyDescent="0.25">
      <c r="A107" s="128"/>
      <c r="B107" s="125"/>
      <c r="C107" s="21">
        <v>317</v>
      </c>
      <c r="D107" s="40" t="s">
        <v>52</v>
      </c>
      <c r="E107" s="21" t="s">
        <v>93</v>
      </c>
      <c r="F107" s="25" t="s">
        <v>375</v>
      </c>
    </row>
    <row r="108" spans="1:6" s="18" customFormat="1" x14ac:dyDescent="0.25">
      <c r="A108" s="128"/>
      <c r="B108" s="125"/>
      <c r="C108" s="30">
        <v>319</v>
      </c>
      <c r="D108" s="56" t="s">
        <v>52</v>
      </c>
      <c r="E108" s="39" t="s">
        <v>288</v>
      </c>
      <c r="F108" s="25" t="s">
        <v>359</v>
      </c>
    </row>
    <row r="109" spans="1:6" x14ac:dyDescent="0.25">
      <c r="A109" s="128"/>
      <c r="B109" s="125"/>
      <c r="C109" s="21">
        <v>324</v>
      </c>
      <c r="D109" s="40" t="s">
        <v>57</v>
      </c>
      <c r="E109" s="21" t="s">
        <v>97</v>
      </c>
      <c r="F109" s="25" t="s">
        <v>375</v>
      </c>
    </row>
    <row r="110" spans="1:6" s="19" customFormat="1" x14ac:dyDescent="0.25">
      <c r="A110" s="128"/>
      <c r="B110" s="125"/>
      <c r="C110" s="1">
        <v>336</v>
      </c>
      <c r="D110" s="56" t="s">
        <v>289</v>
      </c>
      <c r="E110" s="39" t="s">
        <v>291</v>
      </c>
      <c r="F110" s="25" t="s">
        <v>359</v>
      </c>
    </row>
    <row r="111" spans="1:6" x14ac:dyDescent="0.25">
      <c r="A111" s="128"/>
      <c r="B111" s="125"/>
      <c r="C111" s="21">
        <v>341</v>
      </c>
      <c r="D111" s="61" t="s">
        <v>385</v>
      </c>
      <c r="E111" s="21" t="s">
        <v>101</v>
      </c>
      <c r="F111" s="25" t="s">
        <v>375</v>
      </c>
    </row>
    <row r="112" spans="1:6" x14ac:dyDescent="0.25">
      <c r="A112" s="128"/>
      <c r="B112" s="125"/>
      <c r="C112" s="21">
        <v>342</v>
      </c>
      <c r="D112" s="61" t="s">
        <v>385</v>
      </c>
      <c r="E112" s="21" t="s">
        <v>65</v>
      </c>
      <c r="F112" s="25" t="s">
        <v>375</v>
      </c>
    </row>
    <row r="113" spans="1:6" x14ac:dyDescent="0.25">
      <c r="A113" s="128"/>
      <c r="B113" s="125"/>
      <c r="C113" s="21">
        <v>351</v>
      </c>
      <c r="D113" s="40" t="s">
        <v>69</v>
      </c>
      <c r="E113" s="21" t="s">
        <v>70</v>
      </c>
      <c r="F113" s="25" t="s">
        <v>375</v>
      </c>
    </row>
    <row r="114" spans="1:6" x14ac:dyDescent="0.25">
      <c r="A114" s="128"/>
      <c r="B114" s="125"/>
      <c r="C114" s="21">
        <v>352</v>
      </c>
      <c r="D114" s="40" t="s">
        <v>69</v>
      </c>
      <c r="E114" s="21" t="s">
        <v>71</v>
      </c>
      <c r="F114" s="25" t="s">
        <v>375</v>
      </c>
    </row>
    <row r="115" spans="1:6" x14ac:dyDescent="0.25">
      <c r="A115" s="128"/>
      <c r="B115" s="125"/>
      <c r="C115" s="21">
        <v>353</v>
      </c>
      <c r="D115" s="40" t="s">
        <v>69</v>
      </c>
      <c r="E115" s="21" t="s">
        <v>72</v>
      </c>
      <c r="F115" s="25" t="s">
        <v>375</v>
      </c>
    </row>
    <row r="116" spans="1:6" x14ac:dyDescent="0.25">
      <c r="A116" s="128"/>
      <c r="B116" s="125"/>
      <c r="C116" s="21">
        <v>354</v>
      </c>
      <c r="D116" s="40" t="s">
        <v>69</v>
      </c>
      <c r="E116" s="21" t="s">
        <v>105</v>
      </c>
      <c r="F116" s="25" t="s">
        <v>375</v>
      </c>
    </row>
    <row r="117" spans="1:6" x14ac:dyDescent="0.25">
      <c r="A117" s="128"/>
      <c r="B117" s="125"/>
      <c r="C117" s="21">
        <v>362</v>
      </c>
      <c r="D117" s="40" t="s">
        <v>73</v>
      </c>
      <c r="E117" s="21" t="s">
        <v>107</v>
      </c>
      <c r="F117" s="25" t="s">
        <v>375</v>
      </c>
    </row>
    <row r="118" spans="1:6" x14ac:dyDescent="0.25">
      <c r="A118" s="128"/>
      <c r="B118" s="125"/>
      <c r="C118" s="21">
        <v>363</v>
      </c>
      <c r="D118" s="40" t="s">
        <v>73</v>
      </c>
      <c r="E118" s="21" t="s">
        <v>108</v>
      </c>
      <c r="F118" s="25" t="s">
        <v>375</v>
      </c>
    </row>
    <row r="119" spans="1:6" x14ac:dyDescent="0.25">
      <c r="A119" s="128"/>
      <c r="B119" s="125"/>
      <c r="C119" s="21">
        <v>365</v>
      </c>
      <c r="D119" s="40" t="s">
        <v>73</v>
      </c>
      <c r="E119" s="21" t="s">
        <v>110</v>
      </c>
      <c r="F119" s="25" t="s">
        <v>375</v>
      </c>
    </row>
    <row r="120" spans="1:6" x14ac:dyDescent="0.25">
      <c r="A120" s="128"/>
      <c r="B120" s="125"/>
      <c r="C120" s="21">
        <v>372</v>
      </c>
      <c r="D120" s="40" t="s">
        <v>74</v>
      </c>
      <c r="E120" s="21" t="s">
        <v>111</v>
      </c>
      <c r="F120" s="25" t="s">
        <v>375</v>
      </c>
    </row>
    <row r="121" spans="1:6" x14ac:dyDescent="0.25">
      <c r="A121" s="128"/>
      <c r="B121" s="125"/>
      <c r="C121" s="21">
        <v>373</v>
      </c>
      <c r="D121" s="40" t="s">
        <v>74</v>
      </c>
      <c r="E121" s="21" t="s">
        <v>77</v>
      </c>
      <c r="F121" s="25" t="s">
        <v>375</v>
      </c>
    </row>
    <row r="122" spans="1:6" s="20" customFormat="1" x14ac:dyDescent="0.25">
      <c r="A122" s="128"/>
      <c r="B122" s="125"/>
      <c r="C122" s="1">
        <v>374</v>
      </c>
      <c r="D122" s="54" t="s">
        <v>74</v>
      </c>
      <c r="E122" s="39" t="s">
        <v>294</v>
      </c>
      <c r="F122" s="25" t="s">
        <v>359</v>
      </c>
    </row>
    <row r="123" spans="1:6" s="20" customFormat="1" x14ac:dyDescent="0.25">
      <c r="A123" s="128"/>
      <c r="B123" s="125"/>
      <c r="C123" s="1">
        <v>381</v>
      </c>
      <c r="D123" s="54" t="s">
        <v>74</v>
      </c>
      <c r="E123" s="39" t="s">
        <v>287</v>
      </c>
      <c r="F123" s="25" t="s">
        <v>359</v>
      </c>
    </row>
    <row r="124" spans="1:6" s="17" customFormat="1" x14ac:dyDescent="0.25">
      <c r="A124" s="128"/>
      <c r="B124" s="125"/>
      <c r="C124" s="1">
        <v>382</v>
      </c>
      <c r="D124" s="54" t="s">
        <v>49</v>
      </c>
      <c r="E124" s="39" t="s">
        <v>287</v>
      </c>
      <c r="F124" s="25" t="s">
        <v>359</v>
      </c>
    </row>
    <row r="125" spans="1:6" s="18" customFormat="1" x14ac:dyDescent="0.25">
      <c r="A125" s="128"/>
      <c r="B125" s="125"/>
      <c r="C125" s="30">
        <v>383</v>
      </c>
      <c r="D125" s="56" t="s">
        <v>52</v>
      </c>
      <c r="E125" s="39" t="s">
        <v>287</v>
      </c>
      <c r="F125" s="25" t="s">
        <v>359</v>
      </c>
    </row>
    <row r="126" spans="1:6" s="19" customFormat="1" x14ac:dyDescent="0.25">
      <c r="A126" s="128"/>
      <c r="B126" s="125"/>
      <c r="C126" s="1">
        <v>384</v>
      </c>
      <c r="D126" s="54" t="s">
        <v>57</v>
      </c>
      <c r="E126" s="39" t="s">
        <v>287</v>
      </c>
      <c r="F126" s="25" t="s">
        <v>359</v>
      </c>
    </row>
    <row r="127" spans="1:6" s="20" customFormat="1" x14ac:dyDescent="0.25">
      <c r="A127" s="128"/>
      <c r="B127" s="125"/>
      <c r="C127" s="1">
        <v>463</v>
      </c>
      <c r="D127" s="54" t="s">
        <v>295</v>
      </c>
      <c r="E127" s="39" t="s">
        <v>343</v>
      </c>
      <c r="F127" s="25" t="s">
        <v>359</v>
      </c>
    </row>
    <row r="128" spans="1:6" s="20" customFormat="1" x14ac:dyDescent="0.25">
      <c r="A128" s="128"/>
      <c r="B128" s="125"/>
      <c r="C128" s="1">
        <v>464</v>
      </c>
      <c r="D128" s="54" t="s">
        <v>295</v>
      </c>
      <c r="E128" s="39" t="s">
        <v>344</v>
      </c>
      <c r="F128" s="25" t="s">
        <v>359</v>
      </c>
    </row>
    <row r="129" spans="1:6" s="20" customFormat="1" x14ac:dyDescent="0.25">
      <c r="A129" s="128"/>
      <c r="B129" s="125"/>
      <c r="C129" s="1">
        <v>465</v>
      </c>
      <c r="D129" s="54" t="s">
        <v>295</v>
      </c>
      <c r="E129" s="39" t="s">
        <v>345</v>
      </c>
      <c r="F129" s="25" t="s">
        <v>359</v>
      </c>
    </row>
    <row r="130" spans="1:6" s="20" customFormat="1" x14ac:dyDescent="0.25">
      <c r="A130" s="128"/>
      <c r="B130" s="125"/>
      <c r="C130" s="1">
        <v>480</v>
      </c>
      <c r="D130" s="54" t="s">
        <v>295</v>
      </c>
      <c r="E130" s="39" t="s">
        <v>355</v>
      </c>
      <c r="F130" s="25" t="s">
        <v>359</v>
      </c>
    </row>
    <row r="131" spans="1:6" s="20" customFormat="1" x14ac:dyDescent="0.25">
      <c r="A131" s="129"/>
      <c r="B131" s="126"/>
      <c r="C131" s="1">
        <v>481</v>
      </c>
      <c r="D131" s="54" t="s">
        <v>295</v>
      </c>
      <c r="E131" s="39" t="s">
        <v>356</v>
      </c>
      <c r="F131" s="25" t="s">
        <v>359</v>
      </c>
    </row>
    <row r="132" spans="1:6" x14ac:dyDescent="0.25">
      <c r="A132" s="133">
        <v>30</v>
      </c>
      <c r="B132" s="108" t="s">
        <v>116</v>
      </c>
      <c r="C132" s="35">
        <v>335</v>
      </c>
      <c r="D132" s="50" t="s">
        <v>289</v>
      </c>
      <c r="E132" s="35" t="s">
        <v>290</v>
      </c>
      <c r="F132" s="35" t="s">
        <v>359</v>
      </c>
    </row>
    <row r="133" spans="1:6" x14ac:dyDescent="0.25">
      <c r="A133" s="133"/>
      <c r="B133" s="108"/>
      <c r="C133" s="21">
        <v>312</v>
      </c>
      <c r="D133" s="40" t="s">
        <v>52</v>
      </c>
      <c r="E133" s="73" t="s">
        <v>88</v>
      </c>
      <c r="F133" s="25" t="s">
        <v>117</v>
      </c>
    </row>
  </sheetData>
  <sortState ref="A3:E50">
    <sortCondition ref="A3:A50"/>
  </sortState>
  <mergeCells count="21">
    <mergeCell ref="A132:A133"/>
    <mergeCell ref="B132:B133"/>
    <mergeCell ref="A12:A16"/>
    <mergeCell ref="B12:B16"/>
    <mergeCell ref="B17:B18"/>
    <mergeCell ref="A17:A18"/>
    <mergeCell ref="A1:F1"/>
    <mergeCell ref="B106:B131"/>
    <mergeCell ref="A106:A131"/>
    <mergeCell ref="A101:A105"/>
    <mergeCell ref="B101:B105"/>
    <mergeCell ref="A7:A10"/>
    <mergeCell ref="B7:B10"/>
    <mergeCell ref="A22:A23"/>
    <mergeCell ref="B22:B23"/>
    <mergeCell ref="A25:A48"/>
    <mergeCell ref="B25:B48"/>
    <mergeCell ref="A53:A91"/>
    <mergeCell ref="B53:B91"/>
    <mergeCell ref="A19:A20"/>
    <mergeCell ref="B19:B20"/>
  </mergeCells>
  <hyperlinks>
    <hyperlink ref="D6" r:id="rId1" location="Exposure_Data/Miscellaneous_Occupancies.htm"/>
    <hyperlink ref="D120" r:id="rId2" location="Exposure_Data/Miscellaneous_Occupancies.htm"/>
    <hyperlink ref="D121" r:id="rId3" location="Exposure_Data/Miscellaneous_Occupancies.htm"/>
    <hyperlink ref="D122" r:id="rId4" location="Exposure_Data/Miscellaneous_Occupancies.htm"/>
    <hyperlink ref="D123" r:id="rId5" location="Exposure_Data/Miscellaneous_Occupancies.htm"/>
    <hyperlink ref="D7" r:id="rId6" location="Exposure_Data/Utility_Occupancies.htm"/>
    <hyperlink ref="D58" r:id="rId7" location="Exposure_Data/Utility_Occupancies.htm"/>
    <hyperlink ref="D117" r:id="rId8" location="Exposure_Data/Utility_Occupancies.htm"/>
    <hyperlink ref="D118" r:id="rId9" location="Exposure_Data/Utility_Occupancies.htm"/>
    <hyperlink ref="D119" r:id="rId10" location="Exposure_Data/Utility_Occupancies.htm"/>
    <hyperlink ref="D8" r:id="rId11" location="Exposure_Data/Industrial_Facility_Occupancies.htm"/>
    <hyperlink ref="D9" r:id="rId12" location="Exposure_Data/Industrial_Facility_Occupancies.htm"/>
    <hyperlink ref="D10" r:id="rId13" location="Exposure_Data/Industrial_Facility_Occupancies.htm"/>
    <hyperlink ref="D28" r:id="rId14" location="Exposure_Data/Industrial_Facility_Occupancies.htm"/>
    <hyperlink ref="D29" r:id="rId15" location="Exposure_Data/Industrial_Facility_Occupancies.htm"/>
    <hyperlink ref="D30" r:id="rId16" location="Exposure_Data/Industrial_Facility_Occupancies.htm"/>
    <hyperlink ref="D31" r:id="rId17" location="Exposure_Data/Industrial_Facility_Occupancies.htm"/>
    <hyperlink ref="D32" r:id="rId18" location="Exposure_Data/Industrial_Facility_Occupancies.htm"/>
    <hyperlink ref="D33" r:id="rId19" location="Exposure_Data/Industrial_Facility_Occupancies.htm"/>
    <hyperlink ref="D34" r:id="rId20" location="Exposure_Data/Industrial_Facility_Occupancies.htm"/>
    <hyperlink ref="D35" r:id="rId21" location="Exposure_Data/Industrial_Facility_Occupancies.htm"/>
    <hyperlink ref="D36" r:id="rId22" location="Exposure_Data/Industrial_Facility_Occupancies.htm"/>
    <hyperlink ref="D37" r:id="rId23" location="Exposure_Data/Industrial_Facility_Occupancies.htm"/>
    <hyperlink ref="D38" r:id="rId24" location="Exposure_Data/Industrial_Facility_Occupancies.htm"/>
    <hyperlink ref="D39" r:id="rId25" location="Exposure_Data/Industrial_Facility_Occupancies.htm"/>
    <hyperlink ref="D40" r:id="rId26" location="Exposure_Data/Industrial_Facility_Occupancies.htm"/>
    <hyperlink ref="D41" r:id="rId27" location="Exposure_Data/Industrial_Facility_Occupancies.htm"/>
    <hyperlink ref="D42" r:id="rId28" location="Exposure_Data/Industrial_Facility_Occupancies.htm"/>
    <hyperlink ref="D43" r:id="rId29" location="Exposure_Data/Industrial_Facility_Occupancies.htm"/>
    <hyperlink ref="D44" r:id="rId30" location="Exposure_Data/Industrial_Facility_Occupancies.htm"/>
    <hyperlink ref="D45" r:id="rId31" location="Exposure_Data/Industrial_Facility_Occupancies.htm"/>
    <hyperlink ref="D46" r:id="rId32" location="Exposure_Data/Industrial_Facility_Occupancies.htm"/>
    <hyperlink ref="D47" r:id="rId33" location="Exposure_Data/Industrial_Facility_Occupancies.htm"/>
    <hyperlink ref="D48" r:id="rId34" location="Exposure_Data/Industrial_Facility_Occupancies.htm"/>
    <hyperlink ref="D59" r:id="rId35" location="Exposure_Data/Industrial_Facility_Occupancies.htm"/>
    <hyperlink ref="D60" r:id="rId36" location="Exposure_Data/Industrial_Facility_Occupancies.htm"/>
    <hyperlink ref="D61" r:id="rId37" location="Exposure_Data/Industrial_Facility_Occupancies.htm"/>
    <hyperlink ref="D62" r:id="rId38" location="Exposure_Data/Industrial_Facility_Occupancies.htm"/>
    <hyperlink ref="D63" r:id="rId39" location="Exposure_Data/Industrial_Facility_Occupancies.htm"/>
    <hyperlink ref="D64" r:id="rId40" location="Exposure_Data/Industrial_Facility_Occupancies.htm"/>
    <hyperlink ref="D65" r:id="rId41" location="Exposure_Data/Industrial_Facility_Occupancies.htm"/>
    <hyperlink ref="D66" r:id="rId42" location="Exposure_Data/Industrial_Facility_Occupancies.htm"/>
    <hyperlink ref="D67" r:id="rId43" location="Exposure_Data/Industrial_Facility_Occupancies.htm"/>
    <hyperlink ref="D68" r:id="rId44" location="Exposure_Data/Industrial_Facility_Occupancies.htm"/>
    <hyperlink ref="D69" r:id="rId45" location="Exposure_Data/Industrial_Facility_Occupancies.htm"/>
    <hyperlink ref="D70" r:id="rId46" location="Exposure_Data/Industrial_Facility_Occupancies.htm"/>
    <hyperlink ref="D71" r:id="rId47" location="Exposure_Data/Industrial_Facility_Occupancies.htm"/>
    <hyperlink ref="D72" r:id="rId48" location="Exposure_Data/Industrial_Facility_Occupancies.htm"/>
    <hyperlink ref="D73" r:id="rId49" location="Exposure_Data/Industrial_Facility_Occupancies.htm"/>
    <hyperlink ref="D74" r:id="rId50" location="Exposure_Data/Industrial_Facility_Occupancies.htm"/>
    <hyperlink ref="D75" r:id="rId51" location="Exposure_Data/Industrial_Facility_Occupancies.htm"/>
    <hyperlink ref="D76" r:id="rId52" location="Exposure_Data/Industrial_Facility_Occupancies.htm"/>
    <hyperlink ref="D77" r:id="rId53" location="Exposure_Data/Industrial_Facility_Occupancies.htm"/>
    <hyperlink ref="D78" r:id="rId54" location="Exposure_Data/Industrial_Facility_Occupancies.htm"/>
    <hyperlink ref="D79" r:id="rId55" location="Exposure_Data/Industrial_Facility_Occupancies.htm"/>
    <hyperlink ref="D80" r:id="rId56" location="Exposure_Data/Industrial_Facility_Occupancies.htm"/>
    <hyperlink ref="D81" r:id="rId57" location="Exposure_Data/Industrial_Facility_Occupancies.htm"/>
    <hyperlink ref="D82" r:id="rId58" location="Exposure_Data/Industrial_Facility_Occupancies.htm"/>
    <hyperlink ref="D83" r:id="rId59" location="Exposure_Data/Industrial_Facility_Occupancies.htm"/>
    <hyperlink ref="D84" r:id="rId60" location="Exposure_Data/Industrial_Facility_Occupancies.htm"/>
    <hyperlink ref="D85" r:id="rId61" location="Exposure_Data/Industrial_Facility_Occupancies.htm"/>
    <hyperlink ref="D86" r:id="rId62" location="Exposure_Data/Industrial_Facility_Occupancies.htm"/>
    <hyperlink ref="D87" r:id="rId63" location="Exposure_Data/Industrial_Facility_Occupancies.htm"/>
    <hyperlink ref="D88" r:id="rId64" location="Exposure_Data/Industrial_Facility_Occupancies.htm"/>
    <hyperlink ref="D89" r:id="rId65" location="Exposure_Data/Industrial_Facility_Occupancies.htm"/>
    <hyperlink ref="D90" r:id="rId66" location="Exposure_Data/Industrial_Facility_Occupancies.htm"/>
    <hyperlink ref="D91" r:id="rId67" location="Exposure_Data/Industrial_Facility_Occupancies.htm"/>
    <hyperlink ref="D127" r:id="rId68" location="Exposure_Data/Industrial_Facility_Occupancies.htm"/>
    <hyperlink ref="D128" r:id="rId69" location="Exposure_Data/Industrial_Facility_Occupancies.htm"/>
    <hyperlink ref="D129" r:id="rId70" location="Exposure_Data/Industrial_Facility_Occupancies.htm"/>
    <hyperlink ref="D130" r:id="rId71" location="Exposure_Data/Industrial_Facility_Occupancies.htm"/>
    <hyperlink ref="D131" r:id="rId72" location="Exposure_Data/Industrial_Facility_Occupancies.htm"/>
    <hyperlink ref="D12" r:id="rId73" location="Exposure_Data/Commercial_Occupancies.htm"/>
    <hyperlink ref="D13" r:id="rId74" location="Exposure_Data/Commercial_Occupancies.htm"/>
    <hyperlink ref="D14" r:id="rId75" location="Exposure_Data/Commercial_Occupancies.htm"/>
    <hyperlink ref="D15" r:id="rId76" location="Exposure_Data/Commercial_Occupancies.htm"/>
    <hyperlink ref="D24" r:id="rId77" location="Exposure_Data/Commercial_Occupancies.htm"/>
    <hyperlink ref="D51" r:id="rId78" location="Exposure_Data/Commercial_Occupancies.htm"/>
    <hyperlink ref="D100" r:id="rId79" location="Exposure_Data/Commercial_Occupancies.htm"/>
    <hyperlink ref="D107" r:id="rId80" location="Exposure_Data/Commercial_Occupancies.htm"/>
    <hyperlink ref="D108" r:id="rId81" location="Exposure_Data/Commercial_Occupancies.htm"/>
    <hyperlink ref="D125" r:id="rId82" location="Exposure_Data/Commercial_Occupancies.htm"/>
    <hyperlink ref="D16" r:id="rId83" location="Exposure_Data/Public_Occupancies.htm"/>
    <hyperlink ref="D98" r:id="rId84" location="Exposure_Data/Public_Occupancies.htm"/>
    <hyperlink ref="D111" r:id="rId85" location="Exposure_Data/Public_Occupancies.htm"/>
    <hyperlink ref="D112" r:id="rId86" location="Exposure_Data/Public_Occupancies.htm"/>
    <hyperlink ref="D17" r:id="rId87" location="Exposure_Data/Industrial_Occupancies.htm"/>
    <hyperlink ref="D18" r:id="rId88" location="Exposure_Data/Industrial_Occupancies.htm"/>
    <hyperlink ref="D19" r:id="rId89" location="Exposure_Data/Industrial_Occupancies.htm"/>
    <hyperlink ref="D20" r:id="rId90" location="Exposure_Data/Industrial_Occupancies.htm"/>
    <hyperlink ref="D21" r:id="rId91" location="Exposure_Data/Industrial_Occupancies.htm"/>
    <hyperlink ref="D25" r:id="rId92" location="Exposure_Data/Industrial_Occupancies.htm"/>
    <hyperlink ref="D26" r:id="rId93" location="Exposure_Data/Industrial_Occupancies.htm"/>
    <hyperlink ref="D27" r:id="rId94" location="Exposure_Data/Industrial_Occupancies.htm"/>
    <hyperlink ref="D53" r:id="rId95" location="Exposure_Data/Industrial_Occupancies.htm"/>
    <hyperlink ref="D54" r:id="rId96" location="Exposure_Data/Industrial_Occupancies.htm"/>
    <hyperlink ref="D55" r:id="rId97" location="Exposure_Data/Industrial_Occupancies.htm"/>
    <hyperlink ref="D56" r:id="rId98" location="Exposure_Data/Industrial_Occupancies.htm"/>
    <hyperlink ref="D57" r:id="rId99" location="Exposure_Data/Industrial_Occupancies.htm"/>
    <hyperlink ref="D109" r:id="rId100" location="Exposure_Data/Industrial_Occupancies.htm"/>
    <hyperlink ref="D126" r:id="rId101" location="Exposure_Data/Industrial_Occupancies.htm"/>
    <hyperlink ref="D22" r:id="rId102" location="Exposure_Data/Education_Occupancies.htm"/>
    <hyperlink ref="D23" r:id="rId103" location="Exposure_Data/Education_Occupancies.htm"/>
    <hyperlink ref="D50" r:id="rId104" location="Exposure_Data/Transportation_Occupancies.htm"/>
    <hyperlink ref="D113" r:id="rId105" location="Exposure_Data/Transportation_Occupancies.htm"/>
    <hyperlink ref="D114" r:id="rId106" location="Exposure_Data/Transportation_Occupancies.htm"/>
    <hyperlink ref="D115" r:id="rId107" location="Exposure_Data/Transportation_Occupancies.htm"/>
    <hyperlink ref="D116" r:id="rId108" location="Exposure_Data/Transportation_Occupancies.htm"/>
    <hyperlink ref="D52" r:id="rId109" location="Exposure_Data/Residential_Occupancies.htm"/>
    <hyperlink ref="D101" r:id="rId110" location="Exposure_Data/Residential_Occupancies.htm"/>
    <hyperlink ref="D102" r:id="rId111" location="Exposure_Data/Residential_Occupancies.htm"/>
    <hyperlink ref="D103" r:id="rId112" location="Exposure_Data/Residential_Occupancies.htm"/>
    <hyperlink ref="D104" r:id="rId113" location="Exposure_Data/Residential_Occupancies.htm"/>
    <hyperlink ref="D105" r:id="rId114" location="Exposure_Data/Residential_Occupancies.htm"/>
    <hyperlink ref="D124" r:id="rId115" location="Exposure_Data/Residential_Occupancies.htm"/>
    <hyperlink ref="D97" r:id="rId116" location="Exposure_Data/Restaurant_Occupancy.htm"/>
    <hyperlink ref="D106" r:id="rId117" location="Exposure_Data/Unknown_Occupancy.htm"/>
    <hyperlink ref="D110" r:id="rId118" location="Exposure_Data/Mercantile_Occupancies.htm"/>
    <hyperlink ref="D132" r:id="rId119" location="Exposure_Data/Mercantile_Occupancies.htm"/>
    <hyperlink ref="D3" r:id="rId120" location="Exposure_Data/Commercial_Occupancies.htm"/>
    <hyperlink ref="D4" r:id="rId121" location="Exposure_Data/Commercial_Occupancies.htm"/>
    <hyperlink ref="D5" r:id="rId122" location="Exposure_Data/Education_Occupancies.htm"/>
    <hyperlink ref="D11" r:id="rId123" location="Exposure_Data/Commercial_Occupancies.htm"/>
    <hyperlink ref="D49" r:id="rId124" location="Exposure_Data/Commercial_Occupancies.htm"/>
    <hyperlink ref="D92" r:id="rId125" location="Exposure_Data/Commercial_Occupancies.htm"/>
    <hyperlink ref="D93" r:id="rId126" location="Exposure_Data/Commercial_Occupancies.htm"/>
    <hyperlink ref="D94" r:id="rId127" location="Exposure_Data/Commercial_Occupancies.htm"/>
    <hyperlink ref="D95" r:id="rId128" location="Exposure_Data/Commercial_Occupancies.htm"/>
    <hyperlink ref="D96" r:id="rId129" location="Exposure_Data/Commercial_Occupancies.htm"/>
    <hyperlink ref="D99" r:id="rId130" location="Exposure_Data/Transportation_Occupancies.htm"/>
    <hyperlink ref="D133" r:id="rId131" location="Exposure_Data/Commercial_Occupancies.htm"/>
  </hyperlinks>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dlc_DocId xmlns="b6af8860-6bd6-4c41-843d-3bbf7120c669">3MSVSE2HZ6RT-66-1135</_dlc_DocId>
    <_dlc_DocIdUrl xmlns="b6af8860-6bd6-4c41-843d-3bbf7120c669">
      <Url>http://airport/sites/Leonardo/Release1/_layouts/15/DocIdRedir.aspx?ID=3MSVSE2HZ6RT-66-1135</Url>
      <Description>3MSVSE2HZ6RT-66-1135</Description>
    </_dlc_DocIdUrl>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7503413675342646A967B7E794A1CEC9" ma:contentTypeVersion="1" ma:contentTypeDescription="Create a new document." ma:contentTypeScope="" ma:versionID="a882ae6b9ae028ab5a616311f4cd2567">
  <xsd:schema xmlns:xsd="http://www.w3.org/2001/XMLSchema" xmlns:xs="http://www.w3.org/2001/XMLSchema" xmlns:p="http://schemas.microsoft.com/office/2006/metadata/properties" xmlns:ns2="b6af8860-6bd6-4c41-843d-3bbf7120c669" targetNamespace="http://schemas.microsoft.com/office/2006/metadata/properties" ma:root="true" ma:fieldsID="201f546703b4cdbb66f5daf6d0aa7503" ns2:_="">
    <xsd:import namespace="b6af8860-6bd6-4c41-843d-3bbf7120c669"/>
    <xsd:element name="properties">
      <xsd:complexType>
        <xsd:sequence>
          <xsd:element name="documentManagement">
            <xsd:complexType>
              <xsd:all>
                <xsd:element ref="ns2:_dlc_DocId" minOccurs="0"/>
                <xsd:element ref="ns2:_dlc_DocIdUrl" minOccurs="0"/>
                <xsd:element ref="ns2: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6af8860-6bd6-4c41-843d-3bbf7120c669"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CC8080F-E4BF-44D1-8413-10FFBE4427D8}">
  <ds:schemaRefs>
    <ds:schemaRef ds:uri="http://schemas.microsoft.com/office/infopath/2007/PartnerControls"/>
    <ds:schemaRef ds:uri="http://www.w3.org/XML/1998/namespace"/>
    <ds:schemaRef ds:uri="http://schemas.microsoft.com/office/2006/documentManagement/types"/>
    <ds:schemaRef ds:uri="http://purl.org/dc/terms/"/>
    <ds:schemaRef ds:uri="b6af8860-6bd6-4c41-843d-3bbf7120c669"/>
    <ds:schemaRef ds:uri="http://schemas.openxmlformats.org/package/2006/metadata/core-properties"/>
    <ds:schemaRef ds:uri="http://schemas.microsoft.com/office/2006/metadata/properties"/>
    <ds:schemaRef ds:uri="http://purl.org/dc/dcmitype/"/>
    <ds:schemaRef ds:uri="http://purl.org/dc/elements/1.1/"/>
  </ds:schemaRefs>
</ds:datastoreItem>
</file>

<file path=customXml/itemProps2.xml><?xml version="1.0" encoding="utf-8"?>
<ds:datastoreItem xmlns:ds="http://schemas.openxmlformats.org/officeDocument/2006/customXml" ds:itemID="{4D54FD99-34C5-489A-93AC-88B2E95B09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6af8860-6bd6-4c41-843d-3bbf7120c66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D68D9B-BCC6-44D4-82CA-84AA404BAF65}">
  <ds:schemaRefs>
    <ds:schemaRef ds:uri="http://schemas.microsoft.com/sharepoint/events"/>
  </ds:schemaRefs>
</ds:datastoreItem>
</file>

<file path=customXml/itemProps4.xml><?xml version="1.0" encoding="utf-8"?>
<ds:datastoreItem xmlns:ds="http://schemas.openxmlformats.org/officeDocument/2006/customXml" ds:itemID="{7CE69A09-1EA1-407C-9994-B5831FEC30D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6</vt:i4>
      </vt:variant>
    </vt:vector>
  </HeadingPairs>
  <TitlesOfParts>
    <vt:vector size="6" baseType="lpstr">
      <vt:lpstr>ReadMe</vt:lpstr>
      <vt:lpstr>AIR_to_ERN_Con_Codes</vt:lpstr>
      <vt:lpstr>Unknown_ERN_Con_Handler_for_MX</vt:lpstr>
      <vt:lpstr>AIR_to_ERN_Occ_Codes</vt:lpstr>
      <vt:lpstr>ERN_to_AIR_Con_Codes</vt:lpstr>
      <vt:lpstr>ERN_to_AIR_Occ_Codes</vt:lpstr>
    </vt:vector>
  </TitlesOfParts>
  <Company>AIR Worldwide</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IR - ERN Code Mapping for Touchstone 3.0</dc:title>
  <dc:creator>AIR Worldwide</dc:creator>
  <cp:lastModifiedBy>Femia, Deborah</cp:lastModifiedBy>
  <dcterms:created xsi:type="dcterms:W3CDTF">2015-05-11T17:04:34Z</dcterms:created>
  <dcterms:modified xsi:type="dcterms:W3CDTF">2015-08-22T03:05: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dlc_DocIdItemGuid">
    <vt:lpwstr>23bbe479-475a-411d-a74d-f5bfd9e02b81</vt:lpwstr>
  </property>
  <property fmtid="{D5CDD505-2E9C-101B-9397-08002B2CF9AE}" pid="3" name="ContentTypeId">
    <vt:lpwstr>0x0101007503413675342646A967B7E794A1CEC9</vt:lpwstr>
  </property>
</Properties>
</file>